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tags/tag3.xml" ContentType="application/vnd.openxmlformats-officedocument.presentationml.tags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1"/>
  </p:notesMasterIdLst>
  <p:handoutMasterIdLst>
    <p:handoutMasterId r:id="rId22"/>
  </p:handoutMasterIdLst>
  <p:sldIdLst>
    <p:sldId id="261" r:id="rId2"/>
    <p:sldId id="339" r:id="rId3"/>
    <p:sldId id="258" r:id="rId4"/>
    <p:sldId id="292" r:id="rId5"/>
    <p:sldId id="299" r:id="rId6"/>
    <p:sldId id="300" r:id="rId7"/>
    <p:sldId id="301" r:id="rId8"/>
    <p:sldId id="306" r:id="rId9"/>
    <p:sldId id="290" r:id="rId10"/>
    <p:sldId id="323" r:id="rId11"/>
    <p:sldId id="268" r:id="rId12"/>
    <p:sldId id="326" r:id="rId13"/>
    <p:sldId id="280" r:id="rId14"/>
    <p:sldId id="279" r:id="rId15"/>
    <p:sldId id="311" r:id="rId16"/>
    <p:sldId id="328" r:id="rId17"/>
    <p:sldId id="307" r:id="rId18"/>
    <p:sldId id="308" r:id="rId19"/>
    <p:sldId id="260" r:id="rId20"/>
  </p:sldIdLst>
  <p:sldSz cx="12188825" cy="6858000"/>
  <p:notesSz cx="6797675" cy="9926638"/>
  <p:embeddedFontLst>
    <p:embeddedFont>
      <p:font typeface="AU Passata" panose="020B0604020202020204" charset="0"/>
      <p:regular r:id="rId23"/>
      <p:bold r:id="rId24"/>
    </p:embeddedFont>
    <p:embeddedFont>
      <p:font typeface="AU Passata Light" panose="020B0604020202020204" charset="0"/>
      <p:regular r:id="rId25"/>
      <p:bold r:id="rId26"/>
    </p:embeddedFont>
    <p:embeddedFont>
      <p:font typeface="AU Peto" panose="020B0604020202020204" charset="0"/>
      <p:regular r:id="rId27"/>
      <p:bold r:id="rId28"/>
    </p:embeddedFont>
    <p:embeddedFont>
      <p:font typeface="Calibri" panose="020F0502020204030204" pitchFamily="34" charset="0"/>
      <p:regular r:id="rId29"/>
      <p:bold r:id="rId30"/>
      <p:italic r:id="rId31"/>
      <p:boldItalic r:id="rId32"/>
    </p:embeddedFont>
    <p:embeddedFont>
      <p:font typeface="Georgia" panose="02040502050405020303" pitchFamily="18" charset="0"/>
      <p:regular r:id="rId33"/>
      <p:bold r:id="rId34"/>
      <p:italic r:id="rId35"/>
      <p:boldItalic r:id="rId36"/>
    </p:embeddedFont>
    <p:embeddedFont>
      <p:font typeface="Wingdings 3" panose="05040102010807070707" pitchFamily="18" charset="2"/>
      <p:regular r:id="rId37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FFFFFF"/>
    <a:srgbClr val="00254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16D9F66E-5EB9-4882-86FB-DCBF35E3C3E4}" styleName="Mellemlayout 4 - Markering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6"/>
              </a:solidFill>
            </a:ln>
          </a:top>
        </a:tcBdr>
        <a:fill>
          <a:solidFill>
            <a:schemeClr val="accent6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6">
              <a:tint val="20000"/>
            </a:schemeClr>
          </a:solidFill>
        </a:fill>
      </a:tcStyle>
    </a:firstRow>
  </a:tblStyle>
  <a:tblStyle styleId="{8A107856-5554-42FB-B03E-39F5DBC370BA}" styleName="Mellemlayout 4 - Markering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1812" autoAdjust="0"/>
    <p:restoredTop sz="91149" autoAdjust="0"/>
  </p:normalViewPr>
  <p:slideViewPr>
    <p:cSldViewPr snapToObjects="1" showGuides="1">
      <p:cViewPr varScale="1">
        <p:scale>
          <a:sx n="102" d="100"/>
          <a:sy n="102" d="100"/>
        </p:scale>
        <p:origin x="1050" y="9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>
        <p:scale>
          <a:sx n="70" d="100"/>
          <a:sy n="70" d="100"/>
        </p:scale>
        <p:origin x="4504" y="1040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font" Target="fonts/font4.fntdata"/><Relationship Id="rId39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notesMaster" Target="notesMasters/notesMaster1.xml"/><Relationship Id="rId34" Type="http://schemas.openxmlformats.org/officeDocument/2006/relationships/font" Target="fonts/font12.fntdata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font" Target="fonts/font3.fntdata"/><Relationship Id="rId33" Type="http://schemas.openxmlformats.org/officeDocument/2006/relationships/font" Target="fonts/font11.fntdata"/><Relationship Id="rId38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font" Target="fonts/font7.fntdata"/><Relationship Id="rId41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2.fntdata"/><Relationship Id="rId32" Type="http://schemas.openxmlformats.org/officeDocument/2006/relationships/font" Target="fonts/font10.fntdata"/><Relationship Id="rId37" Type="http://schemas.openxmlformats.org/officeDocument/2006/relationships/font" Target="fonts/font15.fntdata"/><Relationship Id="rId40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font" Target="fonts/font1.fntdata"/><Relationship Id="rId28" Type="http://schemas.openxmlformats.org/officeDocument/2006/relationships/font" Target="fonts/font6.fntdata"/><Relationship Id="rId36" Type="http://schemas.openxmlformats.org/officeDocument/2006/relationships/font" Target="fonts/font14.fntdata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9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handoutMaster" Target="handoutMasters/handoutMaster1.xml"/><Relationship Id="rId27" Type="http://schemas.openxmlformats.org/officeDocument/2006/relationships/font" Target="fonts/font5.fntdata"/><Relationship Id="rId30" Type="http://schemas.openxmlformats.org/officeDocument/2006/relationships/font" Target="fonts/font8.fntdata"/><Relationship Id="rId35" Type="http://schemas.openxmlformats.org/officeDocument/2006/relationships/font" Target="fonts/font13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886669" y="121719"/>
            <a:ext cx="3168352" cy="167733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8981" y="1955334"/>
            <a:ext cx="5438140" cy="78495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da-DK" noProof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662097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301303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0412213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600" kern="1200" noProof="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9395520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848387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645481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9649993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60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7112862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1095894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2322903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728778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0834214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da-DK" sz="1600" b="0" kern="1200" noProof="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682209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5572866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88454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5846627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>
          <a:xfrm>
            <a:off x="1981200" y="122238"/>
            <a:ext cx="2978150" cy="1676400"/>
          </a:xfrm>
        </p:spPr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20413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emf"/><Relationship Id="rId2" Type="http://schemas.openxmlformats.org/officeDocument/2006/relationships/image" Target="../media/image5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8.emf"/><Relationship Id="rId4" Type="http://schemas.openxmlformats.org/officeDocument/2006/relationships/image" Target="../media/image7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 err="1"/>
              <a:t>CliSck</a:t>
            </a:r>
            <a:r>
              <a:rPr lang="da-DK" dirty="0"/>
              <a:t> to edit Master title style</a:t>
            </a:r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25331440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E58F60FB-8A3B-734B-8C95-F2E9D289BB76}"/>
              </a:ext>
            </a:extLst>
          </p:cNvPr>
          <p:cNvPicPr/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883966" y="205596"/>
            <a:ext cx="997028" cy="56694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99A4A6BC-5B0A-F448-80A3-5B9646605C21}"/>
              </a:ext>
            </a:extLst>
          </p:cNvPr>
          <p:cNvPicPr/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062964" y="125755"/>
            <a:ext cx="997028" cy="56694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. juni 2020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fdelingslæge, PhD-studerende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atrine Rye Hauerslev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55979489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. juni 2020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fdelingslæge, PhD-studerende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Katrine Rye Hauerslev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1330038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B63C2191-F3A6-3F4B-B4BE-AFD460D45D9B}"/>
              </a:ext>
            </a:extLst>
          </p:cNvPr>
          <p:cNvPicPr/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36964" y="209558"/>
            <a:ext cx="997028" cy="56694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4EAF4098-2E3B-BD4F-9310-846C96F49C4F}"/>
              </a:ext>
            </a:extLst>
          </p:cNvPr>
          <p:cNvPicPr/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36964" y="210578"/>
            <a:ext cx="997028" cy="56694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1" name="Billede 10">
            <a:extLst>
              <a:ext uri="{FF2B5EF4-FFF2-40B4-BE49-F238E27FC236}">
                <a16:creationId xmlns:a16="http://schemas.microsoft.com/office/drawing/2014/main" id="{8AB2D35C-B8FF-A340-B607-B585A101B0D6}"/>
              </a:ext>
            </a:extLst>
          </p:cNvPr>
          <p:cNvPicPr/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55931" y="188640"/>
            <a:ext cx="997028" cy="56694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260648"/>
            <a:ext cx="11250220" cy="5639752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576392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4.jpe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98557790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54961" y="6135736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Katrine Rye Hauerslev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ugust 21, 2020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r>
              <a:rPr lang="da-DK"/>
              <a:t>18.01.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  <p:pic>
        <p:nvPicPr>
          <p:cNvPr id="16" name="Billede 15">
            <a:extLst>
              <a:ext uri="{FF2B5EF4-FFF2-40B4-BE49-F238E27FC236}">
                <a16:creationId xmlns:a16="http://schemas.microsoft.com/office/drawing/2014/main" id="{48799B71-A443-B64A-83BF-E78043D686A3}"/>
              </a:ext>
            </a:extLst>
          </p:cNvPr>
          <p:cNvPicPr/>
          <p:nvPr userDrawn="1"/>
        </p:nvPicPr>
        <p:blipFill>
          <a:blip r:embed="rId2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0936964" y="141081"/>
            <a:ext cx="997028" cy="566941"/>
          </a:xfrm>
          <a:prstGeom prst="rect">
            <a:avLst/>
          </a:prstGeom>
          <a:noFill/>
          <a:ln>
            <a:noFill/>
          </a:ln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hd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5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jpeg"/><Relationship Id="rId3" Type="http://schemas.openxmlformats.org/officeDocument/2006/relationships/image" Target="../media/image19.jpeg"/><Relationship Id="rId7" Type="http://schemas.openxmlformats.org/officeDocument/2006/relationships/image" Target="../media/image23.jpe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2.jpeg"/><Relationship Id="rId5" Type="http://schemas.openxmlformats.org/officeDocument/2006/relationships/image" Target="../media/image21.jpeg"/><Relationship Id="rId4" Type="http://schemas.openxmlformats.org/officeDocument/2006/relationships/image" Target="../media/image20.jpeg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6" Type="http://schemas.openxmlformats.org/officeDocument/2006/relationships/image" Target="../media/image14.png"/><Relationship Id="rId5" Type="http://schemas.openxmlformats.org/officeDocument/2006/relationships/image" Target="../media/image13.tiff"/><Relationship Id="rId4" Type="http://schemas.openxmlformats.org/officeDocument/2006/relationships/image" Target="../media/image12.tif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tif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7.tiff"/><Relationship Id="rId4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549790" y="920090"/>
            <a:ext cx="11089231" cy="1661993"/>
          </a:xfrm>
        </p:spPr>
        <p:txBody>
          <a:bodyPr/>
          <a:lstStyle/>
          <a:p>
            <a:pPr algn="ctr"/>
            <a:r>
              <a:rPr lang="da-DK" sz="4000" dirty="0"/>
              <a:t>Skulderfunktion og senfølger</a:t>
            </a:r>
            <a:br>
              <a:rPr lang="da-DK" sz="4000" dirty="0"/>
            </a:br>
            <a:r>
              <a:rPr lang="da-DK" sz="4000" dirty="0"/>
              <a:t>efter operation med </a:t>
            </a:r>
            <a:r>
              <a:rPr lang="da-DK" sz="4000" dirty="0" err="1"/>
              <a:t>onkoplastisk</a:t>
            </a:r>
            <a:r>
              <a:rPr lang="da-DK" sz="4000" dirty="0"/>
              <a:t> Teknik for brystkræft</a:t>
            </a:r>
            <a:endParaRPr lang="da-DK" sz="5400" dirty="0"/>
          </a:p>
        </p:txBody>
      </p:sp>
      <p:sp>
        <p:nvSpPr>
          <p:cNvPr id="3" name="Tekstfelt 2">
            <a:extLst>
              <a:ext uri="{FF2B5EF4-FFF2-40B4-BE49-F238E27FC236}">
                <a16:creationId xmlns:a16="http://schemas.microsoft.com/office/drawing/2014/main" id="{A81792FD-F846-C841-B1A0-22A9327F1193}"/>
              </a:ext>
            </a:extLst>
          </p:cNvPr>
          <p:cNvSpPr txBox="1"/>
          <p:nvPr/>
        </p:nvSpPr>
        <p:spPr>
          <a:xfrm>
            <a:off x="2998065" y="3933056"/>
            <a:ext cx="6192688" cy="13449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3200" dirty="0">
                <a:solidFill>
                  <a:schemeClr val="bg1"/>
                </a:solidFill>
                <a:latin typeface="+mn-lt"/>
              </a:rPr>
              <a:t>Katrine Rye Hauerslev</a:t>
            </a:r>
          </a:p>
          <a:p>
            <a:pPr algn="ctr">
              <a:lnSpc>
                <a:spcPct val="95000"/>
              </a:lnSpc>
            </a:pPr>
            <a:r>
              <a:rPr lang="da-DK" sz="2000" dirty="0">
                <a:solidFill>
                  <a:schemeClr val="bg1"/>
                </a:solidFill>
                <a:latin typeface="+mn-lt"/>
              </a:rPr>
              <a:t>Afdelingslæge, Ph.d.</a:t>
            </a:r>
          </a:p>
          <a:p>
            <a:pPr algn="ctr">
              <a:lnSpc>
                <a:spcPct val="95000"/>
              </a:lnSpc>
            </a:pPr>
            <a:r>
              <a:rPr lang="da-DK" sz="2000" dirty="0">
                <a:solidFill>
                  <a:schemeClr val="bg1"/>
                </a:solidFill>
                <a:latin typeface="+mn-lt"/>
              </a:rPr>
              <a:t>Brystklinikken, Plastik- og brystkirurgi</a:t>
            </a:r>
          </a:p>
          <a:p>
            <a:pPr algn="ctr">
              <a:lnSpc>
                <a:spcPct val="95000"/>
              </a:lnSpc>
            </a:pPr>
            <a:r>
              <a:rPr lang="da-DK" sz="2000" dirty="0">
                <a:solidFill>
                  <a:schemeClr val="bg1"/>
                </a:solidFill>
                <a:latin typeface="+mn-lt"/>
              </a:rPr>
              <a:t>Aarhus Universitetshospital</a:t>
            </a:r>
          </a:p>
        </p:txBody>
      </p:sp>
      <p:sp>
        <p:nvSpPr>
          <p:cNvPr id="4" name="Tekstfelt 3">
            <a:extLst>
              <a:ext uri="{FF2B5EF4-FFF2-40B4-BE49-F238E27FC236}">
                <a16:creationId xmlns:a16="http://schemas.microsoft.com/office/drawing/2014/main" id="{3A95A1BE-1EDD-6240-9B62-12F0FFC10DBE}"/>
              </a:ext>
            </a:extLst>
          </p:cNvPr>
          <p:cNvSpPr txBox="1"/>
          <p:nvPr/>
        </p:nvSpPr>
        <p:spPr>
          <a:xfrm>
            <a:off x="2241979" y="3025812"/>
            <a:ext cx="7704855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2000" dirty="0">
                <a:solidFill>
                  <a:schemeClr val="bg1"/>
                </a:solidFill>
                <a:latin typeface="+mn-lt"/>
              </a:rPr>
              <a:t>DBCG Repræsentantskabsmøde -18. Januar 2021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F0484A15-EFA9-BC46-947E-F12B9AE30042}"/>
              </a:ext>
            </a:extLst>
          </p:cNvPr>
          <p:cNvSpPr txBox="1"/>
          <p:nvPr/>
        </p:nvSpPr>
        <p:spPr>
          <a:xfrm>
            <a:off x="1089853" y="5661248"/>
            <a:ext cx="10009112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2000" dirty="0">
                <a:solidFill>
                  <a:schemeClr val="bg1"/>
                </a:solidFill>
                <a:latin typeface="+mn-lt"/>
              </a:rPr>
              <a:t>Vejledere: Peer Christiansen, Tine Engberg Damsgaard og Jens Overgaar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>
            <a:extLst>
              <a:ext uri="{FF2B5EF4-FFF2-40B4-BE49-F238E27FC236}">
                <a16:creationId xmlns:a16="http://schemas.microsoft.com/office/drawing/2014/main" id="{0D9F38F9-6B79-0748-AAAA-A778592542D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2" y="463488"/>
            <a:ext cx="11557000" cy="1165312"/>
          </a:xfrm>
        </p:spPr>
        <p:txBody>
          <a:bodyPr/>
          <a:lstStyle/>
          <a:p>
            <a:r>
              <a:rPr lang="da-DK" dirty="0" err="1"/>
              <a:t>StudIE</a:t>
            </a:r>
            <a:r>
              <a:rPr lang="da-DK" dirty="0"/>
              <a:t> II - deltagere</a:t>
            </a:r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7D93990A-EF37-4043-97C2-3BD7377BC8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0</a:t>
            </a:fld>
            <a:endParaRPr lang="da-DK" dirty="0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6BF778E1-3442-A54D-BE60-515E2B2D16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2" name="Pladsholder til sidefod 1">
            <a:extLst>
              <a:ext uri="{FF2B5EF4-FFF2-40B4-BE49-F238E27FC236}">
                <a16:creationId xmlns:a16="http://schemas.microsoft.com/office/drawing/2014/main" id="{6558BEB5-D921-F846-954D-935C9C7123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1" name="Pladsholder til indhold 10">
            <a:extLst>
              <a:ext uri="{FF2B5EF4-FFF2-40B4-BE49-F238E27FC236}">
                <a16:creationId xmlns:a16="http://schemas.microsoft.com/office/drawing/2014/main" id="{94881C06-4DBD-F24C-B8CF-23430228517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1357940" y="1772816"/>
            <a:ext cx="9193512" cy="4312681"/>
          </a:xfrm>
          <a:prstGeom prst="rect">
            <a:avLst/>
          </a:prstGeom>
        </p:spPr>
      </p:pic>
      <p:sp>
        <p:nvSpPr>
          <p:cNvPr id="10" name="Tekstfelt 9">
            <a:extLst>
              <a:ext uri="{FF2B5EF4-FFF2-40B4-BE49-F238E27FC236}">
                <a16:creationId xmlns:a16="http://schemas.microsoft.com/office/drawing/2014/main" id="{4B4E5E1C-2149-444B-B85D-AB9D63339089}"/>
              </a:ext>
            </a:extLst>
          </p:cNvPr>
          <p:cNvSpPr txBox="1"/>
          <p:nvPr/>
        </p:nvSpPr>
        <p:spPr>
          <a:xfrm>
            <a:off x="7462564" y="3427684"/>
            <a:ext cx="1216680" cy="438582"/>
          </a:xfrm>
          <a:prstGeom prst="rect">
            <a:avLst/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  </a:t>
            </a:r>
            <a:r>
              <a:rPr lang="en-US" sz="1400" dirty="0">
                <a:latin typeface="+mn-lt"/>
              </a:rPr>
              <a:t>SLNB / ALND  </a:t>
            </a:r>
          </a:p>
          <a:p>
            <a:pPr algn="ctr">
              <a:lnSpc>
                <a:spcPct val="95000"/>
              </a:lnSpc>
            </a:pPr>
            <a:r>
              <a:rPr lang="en-US" sz="1400" dirty="0">
                <a:latin typeface="+mn-lt"/>
              </a:rPr>
              <a:t>73% / 2</a:t>
            </a:r>
            <a:r>
              <a:rPr lang="en-US" sz="1400" dirty="0"/>
              <a:t>7</a:t>
            </a:r>
            <a:r>
              <a:rPr lang="en-US" sz="1400" dirty="0">
                <a:latin typeface="+mn-lt"/>
              </a:rPr>
              <a:t>%</a:t>
            </a:r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3D88A063-A412-AE4A-87B0-8CBF8477CCCF}"/>
              </a:ext>
            </a:extLst>
          </p:cNvPr>
          <p:cNvSpPr txBox="1"/>
          <p:nvPr/>
        </p:nvSpPr>
        <p:spPr>
          <a:xfrm>
            <a:off x="507772" y="3427684"/>
            <a:ext cx="1216680" cy="438582"/>
          </a:xfrm>
          <a:prstGeom prst="rect">
            <a:avLst/>
          </a:prstGeom>
        </p:spPr>
        <p:style>
          <a:lnRef idx="2">
            <a:schemeClr val="accent5"/>
          </a:lnRef>
          <a:fillRef idx="1">
            <a:schemeClr val="lt1"/>
          </a:fillRef>
          <a:effectRef idx="0">
            <a:schemeClr val="accent5"/>
          </a:effectRef>
          <a:fontRef idx="minor">
            <a:schemeClr val="dk1"/>
          </a:fontRef>
        </p:style>
        <p:txBody>
          <a:bodyPr wrap="non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en-US" sz="1600" dirty="0">
                <a:latin typeface="+mn-lt"/>
              </a:rPr>
              <a:t>  </a:t>
            </a:r>
            <a:r>
              <a:rPr lang="en-US" sz="1400" dirty="0">
                <a:latin typeface="+mn-lt"/>
              </a:rPr>
              <a:t>SLNB / ALND  </a:t>
            </a:r>
          </a:p>
          <a:p>
            <a:pPr algn="ctr">
              <a:lnSpc>
                <a:spcPct val="95000"/>
              </a:lnSpc>
            </a:pPr>
            <a:r>
              <a:rPr lang="en-US" sz="1400" dirty="0"/>
              <a:t>83</a:t>
            </a:r>
            <a:r>
              <a:rPr lang="en-US" sz="1400" dirty="0">
                <a:latin typeface="+mn-lt"/>
              </a:rPr>
              <a:t>% / </a:t>
            </a:r>
            <a:r>
              <a:rPr lang="en-US" sz="1400" dirty="0"/>
              <a:t>17</a:t>
            </a:r>
            <a:r>
              <a:rPr lang="en-US" sz="1400" dirty="0">
                <a:latin typeface="+mn-lt"/>
              </a:rPr>
              <a:t>%</a:t>
            </a:r>
          </a:p>
        </p:txBody>
      </p:sp>
    </p:spTree>
    <p:extLst>
      <p:ext uri="{BB962C8B-B14F-4D97-AF65-F5344CB8AC3E}">
        <p14:creationId xmlns:p14="http://schemas.microsoft.com/office/powerpoint/2010/main" val="19518053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0D22EB1-5E3C-4C48-876D-67D9FF57CA8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412" y="332655"/>
            <a:ext cx="11556000" cy="720081"/>
          </a:xfrm>
        </p:spPr>
        <p:txBody>
          <a:bodyPr/>
          <a:lstStyle/>
          <a:p>
            <a:r>
              <a:rPr lang="da-DK" sz="4400" dirty="0" err="1"/>
              <a:t>StudIE</a:t>
            </a:r>
            <a:r>
              <a:rPr lang="da-DK" sz="4400" dirty="0"/>
              <a:t> II – resultater</a:t>
            </a:r>
          </a:p>
        </p:txBody>
      </p:sp>
      <p:graphicFrame>
        <p:nvGraphicFramePr>
          <p:cNvPr id="6" name="Tabel 6">
            <a:extLst>
              <a:ext uri="{FF2B5EF4-FFF2-40B4-BE49-F238E27FC236}">
                <a16:creationId xmlns:a16="http://schemas.microsoft.com/office/drawing/2014/main" id="{72E8F791-F432-1B4B-94B3-649ABD194170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25956830"/>
              </p:ext>
            </p:extLst>
          </p:nvPr>
        </p:nvGraphicFramePr>
        <p:xfrm>
          <a:off x="984251" y="2047240"/>
          <a:ext cx="9934697" cy="2763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588294">
                  <a:extLst>
                    <a:ext uri="{9D8B030D-6E8A-4147-A177-3AD203B41FA5}">
                      <a16:colId xmlns:a16="http://schemas.microsoft.com/office/drawing/2014/main" val="804904924"/>
                    </a:ext>
                  </a:extLst>
                </a:gridCol>
                <a:gridCol w="1482160">
                  <a:extLst>
                    <a:ext uri="{9D8B030D-6E8A-4147-A177-3AD203B41FA5}">
                      <a16:colId xmlns:a16="http://schemas.microsoft.com/office/drawing/2014/main" val="3200211417"/>
                    </a:ext>
                  </a:extLst>
                </a:gridCol>
                <a:gridCol w="1482160">
                  <a:extLst>
                    <a:ext uri="{9D8B030D-6E8A-4147-A177-3AD203B41FA5}">
                      <a16:colId xmlns:a16="http://schemas.microsoft.com/office/drawing/2014/main" val="2741864018"/>
                    </a:ext>
                  </a:extLst>
                </a:gridCol>
                <a:gridCol w="1482160">
                  <a:extLst>
                    <a:ext uri="{9D8B030D-6E8A-4147-A177-3AD203B41FA5}">
                      <a16:colId xmlns:a16="http://schemas.microsoft.com/office/drawing/2014/main" val="1425757659"/>
                    </a:ext>
                  </a:extLst>
                </a:gridCol>
                <a:gridCol w="1482160">
                  <a:extLst>
                    <a:ext uri="{9D8B030D-6E8A-4147-A177-3AD203B41FA5}">
                      <a16:colId xmlns:a16="http://schemas.microsoft.com/office/drawing/2014/main" val="937657542"/>
                    </a:ext>
                  </a:extLst>
                </a:gridCol>
                <a:gridCol w="1417763">
                  <a:extLst>
                    <a:ext uri="{9D8B030D-6E8A-4147-A177-3AD203B41FA5}">
                      <a16:colId xmlns:a16="http://schemas.microsoft.com/office/drawing/2014/main" val="66469467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US" dirty="0">
                        <a:solidFill>
                          <a:schemeClr val="accent1"/>
                        </a:solidFill>
                      </a:endParaRPr>
                    </a:p>
                  </a:txBody>
                  <a:tcPr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C-BCS</a:t>
                      </a:r>
                    </a:p>
                  </a:txBody>
                  <a:tcPr anchor="ctr"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dirty="0">
                        <a:solidFill>
                          <a:schemeClr val="accent1"/>
                        </a:solidFill>
                      </a:endParaRPr>
                    </a:p>
                  </a:txBody>
                  <a:tcPr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OPS</a:t>
                      </a:r>
                    </a:p>
                  </a:txBody>
                  <a:tcPr anchor="ctr"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 dirty="0">
                        <a:solidFill>
                          <a:schemeClr val="accent1"/>
                        </a:solidFill>
                      </a:endParaRPr>
                    </a:p>
                  </a:txBody>
                  <a:tcPr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p-value</a:t>
                      </a:r>
                    </a:p>
                  </a:txBody>
                  <a:tcPr anchor="ctr"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9361393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b="1" dirty="0">
                          <a:solidFill>
                            <a:schemeClr val="accent1"/>
                          </a:solidFill>
                        </a:rPr>
                        <a:t>SYMPTOMS</a:t>
                      </a:r>
                    </a:p>
                  </a:txBody>
                  <a:tcPr anchor="ctr"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N</a:t>
                      </a:r>
                    </a:p>
                  </a:txBody>
                  <a:tcPr anchor="ctr"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% (CI)</a:t>
                      </a:r>
                    </a:p>
                  </a:txBody>
                  <a:tcPr anchor="ctr"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N</a:t>
                      </a:r>
                    </a:p>
                  </a:txBody>
                  <a:tcPr anchor="ctr"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>
                          <a:solidFill>
                            <a:schemeClr val="accent1"/>
                          </a:solidFill>
                        </a:rPr>
                        <a:t>% (CI)</a:t>
                      </a:r>
                    </a:p>
                  </a:txBody>
                  <a:tcPr anchor="ctr"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tc vMerge="1">
                  <a:txBody>
                    <a:bodyPr/>
                    <a:lstStyle/>
                    <a:p>
                      <a:endParaRPr lang="en-US" dirty="0">
                        <a:solidFill>
                          <a:schemeClr val="accent1"/>
                        </a:solidFill>
                      </a:endParaRPr>
                    </a:p>
                  </a:txBody>
                  <a:tcPr>
                    <a:solidFill>
                      <a:schemeClr val="accent1">
                        <a:lumMod val="25000"/>
                        <a:lumOff val="7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991348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b="1" dirty="0"/>
                        <a:t>Decreased hand and arm functionin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9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7 (10-26)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1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b="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0 (13-29)</a:t>
                      </a:r>
                      <a:endParaRPr lang="da-DK" sz="1800" b="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512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1682141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b="1" dirty="0"/>
                        <a:t>Decreased </a:t>
                      </a:r>
                    </a:p>
                    <a:p>
                      <a:r>
                        <a:rPr lang="en-US" b="1" dirty="0"/>
                        <a:t>shoulder mobilit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77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4 (25-44)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6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5 (17-37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109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4457901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b="1" dirty="0"/>
                        <a:t>Pain - should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77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4 (25-44)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4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3 (15-32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b="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44*</a:t>
                      </a:r>
                      <a:endParaRPr lang="da-DK" sz="1800" b="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3085938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b="1" dirty="0"/>
                        <a:t>Pain - breas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43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62 (52-72)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69</a:t>
                      </a:r>
                      <a:endParaRPr lang="da-DK" sz="18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66 (56-75)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524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711637756"/>
                  </a:ext>
                </a:extLst>
              </a:tr>
            </a:tbl>
          </a:graphicData>
        </a:graphic>
      </p:graphicFrame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41CF1242-ACE6-B641-AC55-7EA7E2C419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1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45B14F5D-ECAF-7245-B61D-632D922AC6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C80DD7C3-53B5-584A-9670-A76B678D6580}"/>
              </a:ext>
            </a:extLst>
          </p:cNvPr>
          <p:cNvSpPr txBox="1"/>
          <p:nvPr/>
        </p:nvSpPr>
        <p:spPr>
          <a:xfrm>
            <a:off x="977433" y="1484784"/>
            <a:ext cx="8978099" cy="350865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2400" b="1" dirty="0"/>
              <a:t>Shoulder, arm, and breast morbidity at 18 months postoperatively</a:t>
            </a:r>
            <a:endParaRPr lang="en-US" sz="2400" b="1" dirty="0">
              <a:latin typeface="+mn-lt"/>
            </a:endParaRPr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96966C0D-76D6-6C48-8C9A-D4DAFABB3D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6695901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8A4B6C3-C5BF-BE40-B5DD-0AD97D769D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7748" y="228627"/>
            <a:ext cx="11754165" cy="752101"/>
          </a:xfrm>
        </p:spPr>
        <p:txBody>
          <a:bodyPr/>
          <a:lstStyle/>
          <a:p>
            <a:r>
              <a:rPr lang="da-DK" dirty="0"/>
              <a:t>Studie II - resultat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A428077-DCC2-AE44-9F3B-0044E09957C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989956" y="1886556"/>
            <a:ext cx="7992888" cy="3486660"/>
          </a:xfrm>
          <a:ln>
            <a:solidFill>
              <a:schemeClr val="accent1"/>
            </a:solidFill>
          </a:ln>
        </p:spPr>
        <p:txBody>
          <a:bodyPr/>
          <a:lstStyle/>
          <a:p>
            <a:endParaRPr lang="da-DK" sz="3200" b="1" dirty="0"/>
          </a:p>
          <a:p>
            <a:pPr marL="252000" lvl="1" indent="0">
              <a:buNone/>
            </a:pPr>
            <a:r>
              <a:rPr lang="da-DK" sz="3200" b="1" dirty="0"/>
              <a:t>SUBJEKTIV KOSMETISK EVALUERING</a:t>
            </a:r>
            <a:r>
              <a:rPr lang="da-DK" sz="2400" b="1" dirty="0"/>
              <a:t>:</a:t>
            </a:r>
          </a:p>
          <a:p>
            <a:endParaRPr lang="da-DK" sz="2400" dirty="0"/>
          </a:p>
          <a:p>
            <a:pPr lvl="1"/>
            <a:r>
              <a:rPr lang="da-DK" sz="2400" b="1" dirty="0"/>
              <a:t>Godt / tilfredsstillende resultat</a:t>
            </a:r>
            <a:r>
              <a:rPr lang="da-DK" sz="2400" dirty="0"/>
              <a:t>			= 91-98%</a:t>
            </a:r>
          </a:p>
          <a:p>
            <a:pPr>
              <a:buNone/>
            </a:pPr>
            <a:endParaRPr lang="da-DK" sz="2400" dirty="0"/>
          </a:p>
          <a:p>
            <a:pPr lvl="1"/>
            <a:r>
              <a:rPr lang="da-DK" sz="2400" b="1" dirty="0"/>
              <a:t>Mindre tilfredsstillende / dårligt resultat</a:t>
            </a:r>
            <a:r>
              <a:rPr lang="da-DK" sz="2400" dirty="0"/>
              <a:t>	= 0-6%</a:t>
            </a:r>
          </a:p>
          <a:p>
            <a:pPr marL="252000" lvl="1" indent="0">
              <a:buNone/>
            </a:pPr>
            <a:endParaRPr lang="da-DK" sz="2400" dirty="0"/>
          </a:p>
          <a:p>
            <a:endParaRPr lang="en-US" sz="2400" dirty="0"/>
          </a:p>
          <a:p>
            <a:r>
              <a:rPr lang="en-US" sz="2400" b="1" dirty="0"/>
              <a:t> 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3E007565-43C3-C143-9C72-75774FF36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2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00E78751-F874-5143-A03B-1EF91D5C62E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id="{118AFFB3-00F9-1349-B52A-59F502704AD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7310631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F9E09C3-BF70-CE47-AC53-61174B6900A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412" y="293584"/>
            <a:ext cx="11556000" cy="942242"/>
          </a:xfrm>
        </p:spPr>
        <p:txBody>
          <a:bodyPr/>
          <a:lstStyle/>
          <a:p>
            <a:r>
              <a:rPr lang="da-DK" sz="4400" dirty="0"/>
              <a:t>Studie II - resultater</a:t>
            </a:r>
          </a:p>
        </p:txBody>
      </p:sp>
      <p:graphicFrame>
        <p:nvGraphicFramePr>
          <p:cNvPr id="6" name="Pladsholder til indhold 5">
            <a:extLst>
              <a:ext uri="{FF2B5EF4-FFF2-40B4-BE49-F238E27FC236}">
                <a16:creationId xmlns:a16="http://schemas.microsoft.com/office/drawing/2014/main" id="{F9FF07AD-BF71-3242-800A-F083D054E5E2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85648881"/>
              </p:ext>
            </p:extLst>
          </p:nvPr>
        </p:nvGraphicFramePr>
        <p:xfrm>
          <a:off x="1917948" y="1138798"/>
          <a:ext cx="8352927" cy="475252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138675">
                  <a:extLst>
                    <a:ext uri="{9D8B030D-6E8A-4147-A177-3AD203B41FA5}">
                      <a16:colId xmlns:a16="http://schemas.microsoft.com/office/drawing/2014/main" val="3162135557"/>
                    </a:ext>
                  </a:extLst>
                </a:gridCol>
                <a:gridCol w="1738084">
                  <a:extLst>
                    <a:ext uri="{9D8B030D-6E8A-4147-A177-3AD203B41FA5}">
                      <a16:colId xmlns:a16="http://schemas.microsoft.com/office/drawing/2014/main" val="643383731"/>
                    </a:ext>
                  </a:extLst>
                </a:gridCol>
                <a:gridCol w="1738084">
                  <a:extLst>
                    <a:ext uri="{9D8B030D-6E8A-4147-A177-3AD203B41FA5}">
                      <a16:colId xmlns:a16="http://schemas.microsoft.com/office/drawing/2014/main" val="1660324499"/>
                    </a:ext>
                  </a:extLst>
                </a:gridCol>
                <a:gridCol w="1738084">
                  <a:extLst>
                    <a:ext uri="{9D8B030D-6E8A-4147-A177-3AD203B41FA5}">
                      <a16:colId xmlns:a16="http://schemas.microsoft.com/office/drawing/2014/main" val="2648366418"/>
                    </a:ext>
                  </a:extLst>
                </a:gridCol>
              </a:tblGrid>
              <a:tr h="65552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800" dirty="0">
                          <a:effectLst/>
                        </a:rPr>
                        <a:t>Pain in the breast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 gridSpan="3"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noProof="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Multivariable adjusted analysis</a:t>
                      </a:r>
                    </a:p>
                  </a:txBody>
                  <a:tcPr marL="68580" marR="68580" marT="0" marB="0" anchor="ctr"/>
                </a:tc>
                <a:tc hMerge="1"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 hMerge="1"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080950944"/>
                  </a:ext>
                </a:extLst>
              </a:tr>
              <a:tr h="655520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endParaRPr lang="da-DK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r>
                        <a:rPr lang="en-US" sz="1600" b="1" dirty="0">
                          <a:effectLst/>
                        </a:rPr>
                        <a:t> OR</a:t>
                      </a:r>
                      <a:endParaRPr lang="en-US" sz="2400" b="1" dirty="0"/>
                    </a:p>
                  </a:txBody>
                  <a:tcPr marL="68580" marR="68580" marT="0" marB="0" anchor="ctr"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</a:rPr>
                        <a:t>P-value</a:t>
                      </a:r>
                      <a:endParaRPr lang="da-DK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95%CI</a:t>
                      </a:r>
                      <a:endParaRPr lang="da-DK" sz="16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B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66539462"/>
                  </a:ext>
                </a:extLst>
              </a:tr>
              <a:tr h="491641">
                <a:tc>
                  <a:txBody>
                    <a:bodyPr/>
                    <a:lstStyle/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Oncoplastic surgery</a:t>
                      </a:r>
                    </a:p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No / yes</a:t>
                      </a:r>
                      <a:endParaRPr lang="da-DK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.01</a:t>
                      </a:r>
                      <a:endParaRPr lang="da-DK" sz="2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984</a:t>
                      </a:r>
                      <a:endParaRPr lang="da-DK" sz="2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12700" cmpd="sng">
                      <a:noFill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58 – 1.76</a:t>
                      </a:r>
                      <a:endParaRPr lang="da-DK" sz="2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mpd="sng">
                      <a:noFill/>
                    </a:lnL>
                    <a:lnR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501669899"/>
                  </a:ext>
                </a:extLst>
              </a:tr>
              <a:tr h="491641">
                <a:tc>
                  <a:txBody>
                    <a:bodyPr/>
                    <a:lstStyle/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Age, years</a:t>
                      </a:r>
                    </a:p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da-DK" sz="1400" dirty="0" err="1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ontinuous</a:t>
                      </a:r>
                      <a:endParaRPr lang="da-DK" sz="14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95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001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91 – 0.98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98139655"/>
                  </a:ext>
                </a:extLst>
              </a:tr>
              <a:tr h="491641">
                <a:tc>
                  <a:txBody>
                    <a:bodyPr/>
                    <a:lstStyle/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BMI, kg/h</a:t>
                      </a:r>
                      <a:r>
                        <a:rPr lang="en-US" sz="1400" baseline="30000" dirty="0">
                          <a:effectLst/>
                        </a:rPr>
                        <a:t>2</a:t>
                      </a:r>
                    </a:p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da-DK" sz="1400" dirty="0" err="1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ontinuous</a:t>
                      </a:r>
                      <a:r>
                        <a:rPr lang="da-DK" sz="14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93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011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88 – 0.98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R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08674483"/>
                  </a:ext>
                </a:extLst>
              </a:tr>
              <a:tr h="491641">
                <a:tc>
                  <a:txBody>
                    <a:bodyPr/>
                    <a:lstStyle/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Tumor size, mm</a:t>
                      </a:r>
                    </a:p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continuous</a:t>
                      </a:r>
                      <a:endParaRPr lang="da-DK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99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517</a:t>
                      </a:r>
                      <a:endParaRPr lang="da-DK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99 – 1.01</a:t>
                      </a:r>
                      <a:endParaRPr lang="da-DK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285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973354071"/>
                  </a:ext>
                </a:extLst>
              </a:tr>
              <a:tr h="491641">
                <a:tc>
                  <a:txBody>
                    <a:bodyPr/>
                    <a:lstStyle/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Lumpectomy size, cm</a:t>
                      </a:r>
                      <a:r>
                        <a:rPr lang="en-US" sz="1400" baseline="30000" dirty="0">
                          <a:effectLst/>
                        </a:rPr>
                        <a:t>3</a:t>
                      </a:r>
                      <a:endParaRPr lang="en-US" sz="1400" baseline="0" dirty="0">
                        <a:effectLst/>
                      </a:endParaRPr>
                    </a:p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baseline="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continuous</a:t>
                      </a:r>
                      <a:endParaRPr lang="da-DK" sz="14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.00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337</a:t>
                      </a:r>
                      <a:endParaRPr lang="da-DK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99 – 1.01</a:t>
                      </a:r>
                      <a:endParaRPr lang="da-DK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32475974"/>
                  </a:ext>
                </a:extLst>
              </a:tr>
              <a:tr h="491641">
                <a:tc>
                  <a:txBody>
                    <a:bodyPr/>
                    <a:lstStyle/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Axillary surgery</a:t>
                      </a:r>
                    </a:p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SLNB / ALND</a:t>
                      </a:r>
                      <a:endParaRPr lang="da-DK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5.44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000</a:t>
                      </a:r>
                      <a:endParaRPr lang="da-DK" sz="28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6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.39 – 12.37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R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31498215"/>
                  </a:ext>
                </a:extLst>
              </a:tr>
              <a:tr h="491641">
                <a:tc>
                  <a:txBody>
                    <a:bodyPr/>
                    <a:lstStyle/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Reoperation</a:t>
                      </a:r>
                    </a:p>
                    <a:p>
                      <a:pPr marL="228600"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No / yes</a:t>
                      </a:r>
                      <a:endParaRPr lang="da-DK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85</a:t>
                      </a:r>
                      <a:endParaRPr lang="da-DK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599</a:t>
                      </a:r>
                      <a:endParaRPr lang="da-DK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0.45 – 1.58</a:t>
                      </a:r>
                      <a:endParaRPr lang="da-DK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381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785321016"/>
                  </a:ext>
                </a:extLst>
              </a:tr>
            </a:tbl>
          </a:graphicData>
        </a:graphic>
      </p:graphicFrame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725D0B6-6F29-8F45-8582-34D233C799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3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D780245E-0559-1D45-BCEE-1A3D270411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E5D9FBEE-E862-DE4E-9435-BDEB6E013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4761743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4931050-7691-3C48-9946-6491F49471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 II - konklusio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134ABB8-0D31-6C45-9248-E5E31A1F93C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kern="1200" dirty="0">
                <a:latin typeface="AU Passata" pitchFamily="34" charset="0"/>
                <a:cs typeface="Arial" charset="0"/>
              </a:rPr>
              <a:t> </a:t>
            </a:r>
            <a:endParaRPr lang="da-DK" kern="1200" dirty="0">
              <a:latin typeface="AU Passata" pitchFamily="34" charset="0"/>
              <a:cs typeface="Arial" charset="0"/>
            </a:endParaRPr>
          </a:p>
          <a:p>
            <a:r>
              <a:rPr lang="da-DK" kern="1200" dirty="0">
                <a:latin typeface="AU Passata" pitchFamily="34" charset="0"/>
                <a:cs typeface="Arial" charset="0"/>
              </a:rPr>
              <a:t>18 mdr. efter </a:t>
            </a:r>
            <a:r>
              <a:rPr lang="da-DK" kern="1200" dirty="0" err="1">
                <a:latin typeface="AU Passata" pitchFamily="34" charset="0"/>
                <a:cs typeface="Arial" charset="0"/>
              </a:rPr>
              <a:t>lumpektomi</a:t>
            </a:r>
            <a:r>
              <a:rPr lang="da-DK" kern="1200" dirty="0">
                <a:latin typeface="AU Passata" pitchFamily="34" charset="0"/>
                <a:cs typeface="Arial" charset="0"/>
              </a:rPr>
              <a:t> er der en betydelig andel af patienterne, der angiver senfølger i skulder, arm og bryst. </a:t>
            </a:r>
          </a:p>
          <a:p>
            <a:endParaRPr lang="da-DK" kern="1200" dirty="0">
              <a:latin typeface="AU Passata" pitchFamily="34" charset="0"/>
              <a:cs typeface="Arial" charset="0"/>
            </a:endParaRPr>
          </a:p>
          <a:p>
            <a:r>
              <a:rPr lang="da-DK" kern="1200" dirty="0">
                <a:latin typeface="AU Passata" pitchFamily="34" charset="0"/>
                <a:cs typeface="Arial" charset="0"/>
              </a:rPr>
              <a:t>På trods af større tumorer i OPS gruppen, er resultaterne fra den subjektive spørgeskema-</a:t>
            </a:r>
          </a:p>
          <a:p>
            <a:r>
              <a:rPr lang="da-DK" kern="1200" dirty="0">
                <a:latin typeface="AU Passata" pitchFamily="34" charset="0"/>
                <a:cs typeface="Arial" charset="0"/>
              </a:rPr>
              <a:t>undersøgelse sammenlignelige med de resultater der følger efter C-BCS på mindre tumorer. </a:t>
            </a:r>
          </a:p>
          <a:p>
            <a:endParaRPr lang="da-DK" kern="1200" dirty="0">
              <a:latin typeface="AU Passata" pitchFamily="34" charset="0"/>
              <a:cs typeface="Arial" charset="0"/>
            </a:endParaRPr>
          </a:p>
          <a:p>
            <a:r>
              <a:rPr lang="da-DK" kern="1200" dirty="0">
                <a:latin typeface="AU Passata" pitchFamily="34" charset="0"/>
                <a:cs typeface="Arial" charset="0"/>
              </a:rPr>
              <a:t>Symptomerne efter OPS varierer på samme vis som efter C-BCS</a:t>
            </a:r>
          </a:p>
          <a:p>
            <a:endParaRPr lang="da-DK" kern="1200" dirty="0">
              <a:latin typeface="AU Passata" pitchFamily="34" charset="0"/>
              <a:cs typeface="Arial" charset="0"/>
            </a:endParaRPr>
          </a:p>
          <a:p>
            <a:r>
              <a:rPr lang="da-DK" kern="1200" dirty="0">
                <a:latin typeface="AU Passata" pitchFamily="34" charset="0"/>
                <a:cs typeface="Arial" charset="0"/>
              </a:rPr>
              <a:t>Det kosmetiske resultat efter OPS er sammenligneligt med BCS uden </a:t>
            </a:r>
            <a:r>
              <a:rPr lang="da-DK" kern="1200" dirty="0" err="1">
                <a:latin typeface="AU Passata" pitchFamily="34" charset="0"/>
                <a:cs typeface="Arial" charset="0"/>
              </a:rPr>
              <a:t>onkoplastisk</a:t>
            </a:r>
            <a:r>
              <a:rPr lang="da-DK" kern="1200" dirty="0">
                <a:latin typeface="AU Passata" pitchFamily="34" charset="0"/>
                <a:cs typeface="Arial" charset="0"/>
              </a:rPr>
              <a:t> teknik.</a:t>
            </a:r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CE38CE0-083D-7147-BEE4-623A6FD630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4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AE34DCBC-9163-9340-8C23-6C1E93B8B9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3F01485-8388-E04B-9DB2-3E9A3157FF5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24717443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23BC66B-7512-F743-B588-99EA2783FC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 III - resultater</a:t>
            </a:r>
          </a:p>
        </p:txBody>
      </p:sp>
      <p:graphicFrame>
        <p:nvGraphicFramePr>
          <p:cNvPr id="6" name="Pladsholder til indhold 5">
            <a:extLst>
              <a:ext uri="{FF2B5EF4-FFF2-40B4-BE49-F238E27FC236}">
                <a16:creationId xmlns:a16="http://schemas.microsoft.com/office/drawing/2014/main" id="{95ADA8A1-20FB-4148-94EF-40186A2BBA01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71267367"/>
              </p:ext>
            </p:extLst>
          </p:nvPr>
        </p:nvGraphicFramePr>
        <p:xfrm>
          <a:off x="1197868" y="1484784"/>
          <a:ext cx="9505056" cy="4303283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4369758">
                  <a:extLst>
                    <a:ext uri="{9D8B030D-6E8A-4147-A177-3AD203B41FA5}">
                      <a16:colId xmlns:a16="http://schemas.microsoft.com/office/drawing/2014/main" val="177516318"/>
                    </a:ext>
                  </a:extLst>
                </a:gridCol>
                <a:gridCol w="2042266">
                  <a:extLst>
                    <a:ext uri="{9D8B030D-6E8A-4147-A177-3AD203B41FA5}">
                      <a16:colId xmlns:a16="http://schemas.microsoft.com/office/drawing/2014/main" val="3533889988"/>
                    </a:ext>
                  </a:extLst>
                </a:gridCol>
                <a:gridCol w="2042266">
                  <a:extLst>
                    <a:ext uri="{9D8B030D-6E8A-4147-A177-3AD203B41FA5}">
                      <a16:colId xmlns:a16="http://schemas.microsoft.com/office/drawing/2014/main" val="3977088021"/>
                    </a:ext>
                  </a:extLst>
                </a:gridCol>
                <a:gridCol w="1050766">
                  <a:extLst>
                    <a:ext uri="{9D8B030D-6E8A-4147-A177-3AD203B41FA5}">
                      <a16:colId xmlns:a16="http://schemas.microsoft.com/office/drawing/2014/main" val="1551439325"/>
                    </a:ext>
                  </a:extLst>
                </a:gridCol>
              </a:tblGrid>
              <a:tr h="801453">
                <a:tc>
                  <a:txBody>
                    <a:bodyPr/>
                    <a:lstStyle/>
                    <a:p>
                      <a:r>
                        <a:rPr lang="en-US" sz="1800" dirty="0">
                          <a:effectLst/>
                        </a:rPr>
                        <a:t> </a:t>
                      </a:r>
                      <a:endParaRPr lang="da-DK" sz="18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</a:rPr>
                        <a:t>C-BCS</a:t>
                      </a:r>
                      <a:endParaRPr lang="da-DK" sz="1400" dirty="0">
                        <a:effectLst/>
                      </a:endParaRPr>
                    </a:p>
                    <a:p>
                      <a:pPr algn="ctr"/>
                      <a:r>
                        <a:rPr lang="en-US" sz="1400" dirty="0">
                          <a:effectLst/>
                        </a:rPr>
                        <a:t>N = 104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</a:rPr>
                        <a:t>OPS</a:t>
                      </a:r>
                      <a:endParaRPr lang="da-DK" sz="1400" dirty="0">
                        <a:effectLst/>
                      </a:endParaRPr>
                    </a:p>
                    <a:p>
                      <a:pPr algn="ctr"/>
                      <a:r>
                        <a:rPr lang="en-US" sz="1400" dirty="0">
                          <a:effectLst/>
                        </a:rPr>
                        <a:t>N = 37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</a:rPr>
                        <a:t>p-value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82633848"/>
                  </a:ext>
                </a:extLst>
              </a:tr>
              <a:tr h="487865">
                <a:tc>
                  <a:txBody>
                    <a:bodyPr/>
                    <a:lstStyle/>
                    <a:p>
                      <a:r>
                        <a:rPr lang="en-US" sz="20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lexion, degrees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5 (-11 - 1)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8 (-13 - -3)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45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41496995"/>
                  </a:ext>
                </a:extLst>
              </a:tr>
              <a:tr h="480873">
                <a:tc>
                  <a:txBody>
                    <a:bodyPr/>
                    <a:lstStyle/>
                    <a:p>
                      <a:r>
                        <a:rPr lang="en-US" sz="20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utward rotation, degrees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4 (-9 - 2)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12 (-20 - -3)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14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25059709"/>
                  </a:ext>
                </a:extLst>
              </a:tr>
              <a:tr h="480873">
                <a:tc>
                  <a:txBody>
                    <a:bodyPr/>
                    <a:lstStyle/>
                    <a:p>
                      <a:r>
                        <a:rPr lang="en-US" sz="20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Extension, degrees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2 (-5 - 1)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3 (-7 - 1)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65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714845243"/>
                  </a:ext>
                </a:extLst>
              </a:tr>
              <a:tr h="480873">
                <a:tc>
                  <a:txBody>
                    <a:bodyPr/>
                    <a:lstStyle/>
                    <a:p>
                      <a:r>
                        <a:rPr lang="en-US" sz="20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m volume, ml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7 (-24 - 38)</a:t>
                      </a:r>
                      <a:endParaRPr lang="da-DK" sz="14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6 (-23 - 74)</a:t>
                      </a:r>
                      <a:endParaRPr lang="da-DK" sz="14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53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818859120"/>
                  </a:ext>
                </a:extLst>
              </a:tr>
              <a:tr h="480873">
                <a:tc>
                  <a:txBody>
                    <a:bodyPr/>
                    <a:lstStyle/>
                    <a:p>
                      <a:r>
                        <a:rPr lang="en-US" sz="20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ensibility </a:t>
                      </a:r>
                      <a:r>
                        <a:rPr lang="en-US" sz="2000" dirty="0" err="1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hanges</a:t>
                      </a:r>
                      <a:r>
                        <a:rPr lang="en-US" sz="2000" baseline="30000" dirty="0" err="1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</a:t>
                      </a:r>
                      <a:r>
                        <a:rPr lang="en-US" sz="20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, N (%)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8 (27%)</a:t>
                      </a:r>
                      <a:endParaRPr lang="da-DK" sz="14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1 (30%)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74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768579171"/>
                  </a:ext>
                </a:extLst>
              </a:tr>
              <a:tr h="480873">
                <a:tc>
                  <a:txBody>
                    <a:bodyPr/>
                    <a:lstStyle/>
                    <a:p>
                      <a:r>
                        <a:rPr lang="en-GB" sz="20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SS Total, points of difference (95%CI)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3.7 (-6.2 - -1.2)</a:t>
                      </a:r>
                      <a:endParaRPr lang="da-DK" sz="14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2.1 (-4.7 – 0.4)</a:t>
                      </a:r>
                      <a:endParaRPr lang="da-DK" sz="14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37</a:t>
                      </a:r>
                      <a:endParaRPr lang="da-DK" sz="14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877654926"/>
                  </a:ext>
                </a:extLst>
              </a:tr>
              <a:tr h="554790">
                <a:tc>
                  <a:txBody>
                    <a:bodyPr/>
                    <a:lstStyle/>
                    <a:p>
                      <a:pPr marL="342900" lvl="0" indent="-342900">
                        <a:buSzPts val="800"/>
                        <a:buFont typeface="Symbol" pitchFamily="2" charset="2"/>
                        <a:buChar char=""/>
                      </a:pPr>
                      <a:r>
                        <a:rPr lang="en-GB" sz="20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Subjective part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342900" lvl="0" indent="-342900">
                        <a:buSzPts val="800"/>
                        <a:buFont typeface="Symbol" pitchFamily="2" charset="2"/>
                        <a:buChar char=""/>
                      </a:pPr>
                      <a:r>
                        <a:rPr lang="en-GB" sz="20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Objective part</a:t>
                      </a:r>
                      <a:endParaRPr lang="da-DK" sz="20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1.6 (-2.9 - -0.4)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algn="ctr"/>
                      <a:r>
                        <a:rPr lang="en-GB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2.1 (-3.6 - -0.6)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1.2 (-2.0 - -0.3)</a:t>
                      </a:r>
                      <a:endParaRPr lang="da-DK" sz="14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algn="ctr"/>
                      <a:r>
                        <a:rPr lang="en-GB" sz="140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-1.5 (-3.3 – 0.2)</a:t>
                      </a:r>
                      <a:endParaRPr lang="da-DK" sz="14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53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algn="ctr"/>
                      <a:r>
                        <a:rPr lang="en-GB" sz="140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64</a:t>
                      </a:r>
                      <a:endParaRPr lang="da-DK" sz="14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030172423"/>
                  </a:ext>
                </a:extLst>
              </a:tr>
            </a:tbl>
          </a:graphicData>
        </a:graphic>
      </p:graphicFrame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59C59901-E3AB-B541-ABAA-664807855C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5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A1210681-3F85-BC46-9C52-DDCD0CE4A1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9D6BD5A-760B-F946-8608-16B0B30E827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6614705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3822DF4-4934-9940-8FD9-FE4A5D675F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492079" cy="752101"/>
          </a:xfrm>
        </p:spPr>
        <p:txBody>
          <a:bodyPr/>
          <a:lstStyle/>
          <a:p>
            <a:r>
              <a:rPr lang="da-DK" sz="4400" dirty="0"/>
              <a:t>Studie III – kosmetisk resultat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DF4ED58B-37B4-1744-9395-0BB70D4579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16</a:t>
            </a:fld>
            <a:endParaRPr lang="en-US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829567B6-CEB7-2841-9AC5-13F38C85FF8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en-US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5E78203A-CBF6-5A4F-B1EC-8272A577BA72}"/>
              </a:ext>
            </a:extLst>
          </p:cNvPr>
          <p:cNvPicPr>
            <a:picLocks noGrp="1"/>
          </p:cNvPicPr>
          <p:nvPr>
            <p:ph idx="1"/>
          </p:nvPr>
        </p:nvPicPr>
        <p:blipFill rotWithShape="1"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698253" y="4886708"/>
            <a:ext cx="2193101" cy="1694789"/>
          </a:xfrm>
          <a:prstGeom prst="rect">
            <a:avLst/>
          </a:prstGeom>
          <a:ln>
            <a:solidFill>
              <a:srgbClr val="002060"/>
            </a:solidFill>
          </a:ln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5834D34E-C633-594F-B561-C07F4DE9A95E}"/>
              </a:ext>
            </a:extLst>
          </p:cNvPr>
          <p:cNvPicPr/>
          <p:nvPr/>
        </p:nvPicPr>
        <p:blipFill rotWithShape="1">
          <a:blip r:embed="rId4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3492" y="3073343"/>
            <a:ext cx="2386546" cy="1705476"/>
          </a:xfrm>
          <a:prstGeom prst="rect">
            <a:avLst/>
          </a:prstGeom>
          <a:ln>
            <a:solidFill>
              <a:srgbClr val="002060"/>
            </a:solidFill>
          </a:ln>
        </p:spPr>
      </p:pic>
      <p:sp>
        <p:nvSpPr>
          <p:cNvPr id="9" name="Tekstfelt 8">
            <a:extLst>
              <a:ext uri="{FF2B5EF4-FFF2-40B4-BE49-F238E27FC236}">
                <a16:creationId xmlns:a16="http://schemas.microsoft.com/office/drawing/2014/main" id="{3217F36D-854F-CC45-9D89-2A511E165A23}"/>
              </a:ext>
            </a:extLst>
          </p:cNvPr>
          <p:cNvSpPr txBox="1"/>
          <p:nvPr/>
        </p:nvSpPr>
        <p:spPr>
          <a:xfrm>
            <a:off x="2698253" y="4307634"/>
            <a:ext cx="2193101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>
                <a:latin typeface="+mn-lt"/>
              </a:rPr>
              <a:t>Cosmetic Score = 0-1</a:t>
            </a:r>
          </a:p>
          <a:p>
            <a:pPr>
              <a:lnSpc>
                <a:spcPct val="95000"/>
              </a:lnSpc>
            </a:pPr>
            <a:r>
              <a:rPr lang="en-US" sz="1800" dirty="0">
                <a:latin typeface="+mn-lt"/>
              </a:rPr>
              <a:t>Excellent -Good</a:t>
            </a:r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F0C51886-B895-594B-8D18-B1DFA4A9E762}"/>
              </a:ext>
            </a:extLst>
          </p:cNvPr>
          <p:cNvSpPr txBox="1"/>
          <p:nvPr/>
        </p:nvSpPr>
        <p:spPr>
          <a:xfrm>
            <a:off x="8266605" y="4306534"/>
            <a:ext cx="2193101" cy="526298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US" sz="1800" dirty="0">
                <a:latin typeface="+mn-lt"/>
              </a:rPr>
              <a:t>Cosmetic Score = 3-4</a:t>
            </a:r>
          </a:p>
          <a:p>
            <a:pPr>
              <a:lnSpc>
                <a:spcPct val="95000"/>
              </a:lnSpc>
            </a:pPr>
            <a:r>
              <a:rPr lang="en-US" sz="1800" dirty="0">
                <a:latin typeface="+mn-lt"/>
              </a:rPr>
              <a:t>Fair - Poor</a:t>
            </a:r>
          </a:p>
        </p:txBody>
      </p:sp>
      <p:pic>
        <p:nvPicPr>
          <p:cNvPr id="12" name="Billede 11" descr="Et billede, der indeholder person, indendørs, opbevarer, mand&#10;&#10;Automatisk genereret beskrivelse">
            <a:extLst>
              <a:ext uri="{FF2B5EF4-FFF2-40B4-BE49-F238E27FC236}">
                <a16:creationId xmlns:a16="http://schemas.microsoft.com/office/drawing/2014/main" id="{0DB469B7-65BB-8E4B-B4B2-E5825972DF2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34308" y="4869160"/>
            <a:ext cx="2386547" cy="1705476"/>
          </a:xfrm>
          <a:prstGeom prst="rect">
            <a:avLst/>
          </a:prstGeom>
          <a:ln>
            <a:solidFill>
              <a:srgbClr val="002060"/>
            </a:solidFill>
          </a:ln>
        </p:spPr>
      </p:pic>
      <p:pic>
        <p:nvPicPr>
          <p:cNvPr id="14" name="Billede 13" descr="Et billede, der indeholder person, indendørs, beklædning, mand&#10;&#10;Automatisk genereret beskrivelse">
            <a:extLst>
              <a:ext uri="{FF2B5EF4-FFF2-40B4-BE49-F238E27FC236}">
                <a16:creationId xmlns:a16="http://schemas.microsoft.com/office/drawing/2014/main" id="{3554E758-48AB-CE47-9468-9DBEFF2E2B8B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9866891" y="4832833"/>
            <a:ext cx="2193101" cy="1748663"/>
          </a:xfrm>
          <a:prstGeom prst="rect">
            <a:avLst/>
          </a:prstGeom>
          <a:ln>
            <a:solidFill>
              <a:srgbClr val="002060"/>
            </a:solidFill>
          </a:ln>
        </p:spPr>
      </p:pic>
      <p:pic>
        <p:nvPicPr>
          <p:cNvPr id="18" name="Billede 17" descr="Et billede, der indeholder person, opbevarer, mad, kvinde&#10;&#10;Automatisk genereret beskrivelse">
            <a:extLst>
              <a:ext uri="{FF2B5EF4-FFF2-40B4-BE49-F238E27FC236}">
                <a16:creationId xmlns:a16="http://schemas.microsoft.com/office/drawing/2014/main" id="{08917116-AE81-C243-B888-A625CE7E1DE8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7520837" y="4837639"/>
            <a:ext cx="2193101" cy="1710549"/>
          </a:xfrm>
          <a:prstGeom prst="rect">
            <a:avLst/>
          </a:prstGeom>
          <a:ln>
            <a:solidFill>
              <a:srgbClr val="002060"/>
            </a:solidFill>
          </a:ln>
        </p:spPr>
      </p:pic>
      <p:pic>
        <p:nvPicPr>
          <p:cNvPr id="16" name="Billede 15" descr="Et billede, der indeholder person, indendørs, bord, sidder&#10;&#10;Automatisk genereret beskrivelse">
            <a:extLst>
              <a:ext uri="{FF2B5EF4-FFF2-40B4-BE49-F238E27FC236}">
                <a16:creationId xmlns:a16="http://schemas.microsoft.com/office/drawing/2014/main" id="{05C14195-E9CE-6842-99E2-1DA7D09EADAF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0558908" y="2895583"/>
            <a:ext cx="1482066" cy="1835965"/>
          </a:xfrm>
          <a:prstGeom prst="rect">
            <a:avLst/>
          </a:prstGeom>
          <a:ln>
            <a:solidFill>
              <a:srgbClr val="002060"/>
            </a:solidFill>
          </a:ln>
        </p:spPr>
      </p:pic>
      <p:graphicFrame>
        <p:nvGraphicFramePr>
          <p:cNvPr id="3" name="Tabel 2">
            <a:extLst>
              <a:ext uri="{FF2B5EF4-FFF2-40B4-BE49-F238E27FC236}">
                <a16:creationId xmlns:a16="http://schemas.microsoft.com/office/drawing/2014/main" id="{C7E9A6A7-5830-E944-A591-DB50AACA170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53969578"/>
              </p:ext>
            </p:extLst>
          </p:nvPr>
        </p:nvGraphicFramePr>
        <p:xfrm>
          <a:off x="3107084" y="1232061"/>
          <a:ext cx="6984777" cy="2822041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469364">
                  <a:extLst>
                    <a:ext uri="{9D8B030D-6E8A-4147-A177-3AD203B41FA5}">
                      <a16:colId xmlns:a16="http://schemas.microsoft.com/office/drawing/2014/main" val="1044798047"/>
                    </a:ext>
                  </a:extLst>
                </a:gridCol>
                <a:gridCol w="989116">
                  <a:extLst>
                    <a:ext uri="{9D8B030D-6E8A-4147-A177-3AD203B41FA5}">
                      <a16:colId xmlns:a16="http://schemas.microsoft.com/office/drawing/2014/main" val="86128851"/>
                    </a:ext>
                  </a:extLst>
                </a:gridCol>
                <a:gridCol w="1229787">
                  <a:extLst>
                    <a:ext uri="{9D8B030D-6E8A-4147-A177-3AD203B41FA5}">
                      <a16:colId xmlns:a16="http://schemas.microsoft.com/office/drawing/2014/main" val="4066776837"/>
                    </a:ext>
                  </a:extLst>
                </a:gridCol>
                <a:gridCol w="1229787">
                  <a:extLst>
                    <a:ext uri="{9D8B030D-6E8A-4147-A177-3AD203B41FA5}">
                      <a16:colId xmlns:a16="http://schemas.microsoft.com/office/drawing/2014/main" val="3211439335"/>
                    </a:ext>
                  </a:extLst>
                </a:gridCol>
                <a:gridCol w="1066723">
                  <a:extLst>
                    <a:ext uri="{9D8B030D-6E8A-4147-A177-3AD203B41FA5}">
                      <a16:colId xmlns:a16="http://schemas.microsoft.com/office/drawing/2014/main" val="3376562894"/>
                    </a:ext>
                  </a:extLst>
                </a:gridCol>
              </a:tblGrid>
              <a:tr h="1350032">
                <a:tc gridSpan="2"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da-DK" sz="1800" noProof="0" dirty="0">
                          <a:effectLst/>
                        </a:rPr>
                        <a:t>Overordnet kosmetisk resultat </a:t>
                      </a:r>
                      <a:endParaRPr lang="da-DK" sz="1600" noProof="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285750" indent="-285750">
                        <a:buFontTx/>
                        <a:buChar char="-"/>
                      </a:pPr>
                      <a:r>
                        <a:rPr lang="da-DK" sz="1400" noProof="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symmetri</a:t>
                      </a:r>
                    </a:p>
                    <a:p>
                      <a:pPr marL="285750" indent="-285750">
                        <a:buFontTx/>
                        <a:buChar char="-"/>
                      </a:pPr>
                      <a:r>
                        <a:rPr lang="da-DK" sz="1400" noProof="0" dirty="0" err="1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Dyspigmentering</a:t>
                      </a:r>
                      <a:endParaRPr lang="da-DK" sz="1400" noProof="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285750" indent="-285750">
                        <a:buFontTx/>
                        <a:buChar char="-"/>
                      </a:pPr>
                      <a:r>
                        <a:rPr lang="da-DK" sz="1400" noProof="0" dirty="0" err="1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Telangiektasier</a:t>
                      </a:r>
                      <a:endParaRPr lang="da-DK" sz="1400" noProof="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285750" indent="-285750">
                        <a:buFontTx/>
                        <a:buChar char="-"/>
                      </a:pPr>
                      <a:r>
                        <a:rPr lang="da-DK" sz="1400" noProof="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Fibrose</a:t>
                      </a:r>
                    </a:p>
                    <a:p>
                      <a:pPr marL="285750" indent="-285750">
                        <a:buFontTx/>
                        <a:buChar char="-"/>
                      </a:pPr>
                      <a:r>
                        <a:rPr lang="da-DK" sz="1400" noProof="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Ar</a:t>
                      </a:r>
                    </a:p>
                  </a:txBody>
                  <a:tcPr marL="68580" marR="68580" marT="0" marB="0"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>
                          <a:effectLst/>
                        </a:rPr>
                        <a:t>C-BCS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N = 104</a:t>
                      </a:r>
                      <a:endParaRPr lang="da-DK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>
                          <a:effectLst/>
                        </a:rPr>
                        <a:t>OPS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N = 37</a:t>
                      </a:r>
                      <a:endParaRPr lang="da-DK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>
                          <a:effectLst/>
                        </a:rPr>
                        <a:t>p-value</a:t>
                      </a:r>
                      <a:endParaRPr lang="da-DK" sz="12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273807631"/>
                  </a:ext>
                </a:extLst>
              </a:tr>
              <a:tr h="1472009">
                <a:tc>
                  <a:txBody>
                    <a:bodyPr/>
                    <a:lstStyle/>
                    <a:p>
                      <a:r>
                        <a:rPr lang="da-DK" sz="1600" noProof="0" dirty="0" err="1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smetic</a:t>
                      </a:r>
                      <a:r>
                        <a:rPr lang="da-DK" sz="1600" noProof="0" dirty="0">
                          <a:effectLst/>
                          <a:latin typeface="Calibri" panose="020F0502020204030204" pitchFamily="34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score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>
                          <a:effectLst/>
                        </a:rPr>
                        <a:t>0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1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2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3</a:t>
                      </a:r>
                      <a:endParaRPr lang="da-DK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>
                          <a:effectLst/>
                        </a:rPr>
                        <a:t>33 (32%)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54 (52%)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15 (14%)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2 (2%)</a:t>
                      </a:r>
                      <a:endParaRPr lang="da-DK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>
                          <a:effectLst/>
                        </a:rPr>
                        <a:t>1 (3%)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21 (57%)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10 (27%)</a:t>
                      </a:r>
                      <a:endParaRPr lang="da-DK" sz="1200" dirty="0">
                        <a:effectLst/>
                      </a:endParaRPr>
                    </a:p>
                    <a:p>
                      <a:pPr algn="ctr"/>
                      <a:r>
                        <a:rPr lang="en-US" sz="1200" dirty="0">
                          <a:effectLst/>
                        </a:rPr>
                        <a:t>5 (14%)</a:t>
                      </a:r>
                      <a:endParaRPr lang="da-DK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200" dirty="0">
                          <a:effectLst/>
                        </a:rPr>
                        <a:t>0.000*</a:t>
                      </a:r>
                      <a:endParaRPr lang="da-DK" sz="12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284362104"/>
                  </a:ext>
                </a:extLst>
              </a:tr>
            </a:tbl>
          </a:graphicData>
        </a:graphic>
      </p:graphicFrame>
      <p:sp>
        <p:nvSpPr>
          <p:cNvPr id="11" name="Pladsholder til sidefod 10">
            <a:extLst>
              <a:ext uri="{FF2B5EF4-FFF2-40B4-BE49-F238E27FC236}">
                <a16:creationId xmlns:a16="http://schemas.microsoft.com/office/drawing/2014/main" id="{A96DD71B-73C9-6448-8D6C-CE0A42415F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16714628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71EF6F4-F4ED-EF48-9515-0E4DBF522C7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 III - konklusio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D116AA5-FC08-324C-B2B3-699BA1F7967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772816"/>
            <a:ext cx="10220325" cy="4265587"/>
          </a:xfrm>
        </p:spPr>
        <p:txBody>
          <a:bodyPr/>
          <a:lstStyle/>
          <a:p>
            <a:endParaRPr lang="da-DK" kern="1200" dirty="0">
              <a:latin typeface="AU Passata" pitchFamily="34" charset="0"/>
              <a:cs typeface="Arial" charset="0"/>
            </a:endParaRPr>
          </a:p>
          <a:p>
            <a:r>
              <a:rPr lang="da-DK" b="1" kern="1200" dirty="0">
                <a:latin typeface="AU Passata" pitchFamily="34" charset="0"/>
                <a:cs typeface="Arial" charset="0"/>
              </a:rPr>
              <a:t>Ved den objektive undersøgelse blev der påvist – </a:t>
            </a:r>
          </a:p>
          <a:p>
            <a:endParaRPr lang="da-DK" b="1" kern="1200" dirty="0">
              <a:latin typeface="AU Passata" pitchFamily="34" charset="0"/>
              <a:cs typeface="Arial" charset="0"/>
            </a:endParaRPr>
          </a:p>
          <a:p>
            <a:r>
              <a:rPr lang="da-DK" kern="1200" dirty="0">
                <a:latin typeface="AU Passata" pitchFamily="34" charset="0"/>
                <a:cs typeface="Arial" charset="0"/>
              </a:rPr>
              <a:t>Øget skulder, arm og brystmorbiditet 18 måneder efter brystkræftbehandling</a:t>
            </a:r>
          </a:p>
          <a:p>
            <a:endParaRPr lang="da-DK" kern="1200" dirty="0">
              <a:latin typeface="AU Passata" pitchFamily="34" charset="0"/>
              <a:cs typeface="Arial" charset="0"/>
            </a:endParaRPr>
          </a:p>
          <a:p>
            <a:r>
              <a:rPr lang="da-DK" kern="1200" dirty="0">
                <a:latin typeface="AU Passata" pitchFamily="34" charset="0"/>
                <a:cs typeface="Arial" charset="0"/>
              </a:rPr>
              <a:t>I den OPS gruppe, hvor tumorerne var større og sygdomsstadiet mere avanceret, syntes risikoen for morbiditet sammenlignelig med risikoen efter C-BCS.</a:t>
            </a:r>
          </a:p>
          <a:p>
            <a:endParaRPr lang="da-DK" kern="1200" dirty="0">
              <a:latin typeface="AU Passata" pitchFamily="34" charset="0"/>
              <a:cs typeface="Arial" charset="0"/>
            </a:endParaRPr>
          </a:p>
          <a:p>
            <a:r>
              <a:rPr lang="da-DK" kern="1200" dirty="0">
                <a:latin typeface="AU Passata" pitchFamily="34" charset="0"/>
                <a:cs typeface="Arial" charset="0"/>
              </a:rPr>
              <a:t>En formodning om at OPS ville medføre et bedre kosmetisk resultat blev ikke bekræftet.</a:t>
            </a:r>
            <a:br>
              <a:rPr lang="da-DK" kern="1200" dirty="0">
                <a:latin typeface="AU Passata" pitchFamily="34" charset="0"/>
                <a:cs typeface="Arial" charset="0"/>
              </a:rPr>
            </a:br>
            <a:endParaRPr lang="da-DK" kern="1200" dirty="0">
              <a:latin typeface="AU Passata" pitchFamily="34" charset="0"/>
              <a:cs typeface="Arial" charset="0"/>
            </a:endParaRPr>
          </a:p>
          <a:p>
            <a:pPr>
              <a:buNone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C1DBE184-AB7C-5E47-9C4C-E9D71C70FE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7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5A6F4C1E-9704-534A-B124-9FFF62FEF1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DB84B79A-9A8A-E145-A157-8D81180D63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7466184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61794E2-E632-4A44-A480-C988B5CA34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amlet konklusio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99E5646-EF6B-074E-80E6-665D920C2BA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701924" y="1520429"/>
            <a:ext cx="8461439" cy="4521366"/>
          </a:xfrm>
        </p:spPr>
        <p:txBody>
          <a:bodyPr/>
          <a:lstStyle/>
          <a:p>
            <a:r>
              <a:rPr lang="da-DK" dirty="0"/>
              <a:t>En væsentlig del af de kvinder, der overlever brystkræft, lider af skulder-, arm- og bryst-morbiditet relateret til behandlingen.</a:t>
            </a:r>
          </a:p>
          <a:p>
            <a:endParaRPr lang="da-DK" dirty="0"/>
          </a:p>
          <a:p>
            <a:r>
              <a:rPr lang="da-DK" dirty="0"/>
              <a:t>Hvis symptomer eller fund er til stede 18 måneder efter operationen, er det mest sandsynligt, at de persisterer mere end 11 år efter brystkræft operationen.</a:t>
            </a:r>
          </a:p>
          <a:p>
            <a:endParaRPr lang="da-DK" dirty="0"/>
          </a:p>
          <a:p>
            <a:r>
              <a:rPr lang="da-DK" dirty="0"/>
              <a:t>OPS synes ikke at øge risikoen for skulder-, arm- eller bryst-morbiditet i forhold til C-BCS – selv ved et mere avanceret sygdomsstadie i OPS-gruppen. </a:t>
            </a:r>
          </a:p>
          <a:p>
            <a:endParaRPr lang="da-DK" dirty="0"/>
          </a:p>
          <a:p>
            <a:pPr>
              <a:buNone/>
            </a:pPr>
            <a:r>
              <a:rPr lang="da-DK" dirty="0"/>
              <a:t>For nogle kvinder ville en </a:t>
            </a:r>
            <a:r>
              <a:rPr lang="da-DK" dirty="0" err="1"/>
              <a:t>mastektomi</a:t>
            </a:r>
            <a:r>
              <a:rPr lang="da-DK" dirty="0"/>
              <a:t> have været den eneste mulighed, hvis OPS ikke var tilgængelig.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94FE012D-5613-FE4B-8F7D-B9A3EBFC8D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8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5E761FAE-C679-D944-8FB9-4FD0B9AE6F3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B882F8B-ACD6-5448-9AC2-6857D71093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151340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10BB0A3E-B96D-A94E-AB10-5BB6D0E3D5D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A62DFF53-881F-834B-ABD9-42922F5855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19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1A4EEC76-A32F-A247-A56C-43286F7C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E03F116-8363-8D44-AAF4-670417D472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mål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FCF5988-2BE9-C744-8ED0-DB73DED0536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Undersøge både </a:t>
            </a:r>
            <a:r>
              <a:rPr lang="da-DK" b="1" dirty="0"/>
              <a:t>subjektive symptomer </a:t>
            </a:r>
            <a:r>
              <a:rPr lang="da-DK" dirty="0"/>
              <a:t>og </a:t>
            </a:r>
            <a:r>
              <a:rPr lang="da-DK" b="1" dirty="0"/>
              <a:t>objektive fund</a:t>
            </a:r>
            <a:r>
              <a:rPr lang="da-DK" dirty="0"/>
              <a:t> af </a:t>
            </a:r>
            <a:r>
              <a:rPr lang="da-DK" b="1" dirty="0"/>
              <a:t>skulder, arm og brystmorbiditet</a:t>
            </a:r>
            <a:r>
              <a:rPr lang="da-DK" dirty="0"/>
              <a:t> i relation til brystkræftkirurg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Beskrive </a:t>
            </a:r>
            <a:r>
              <a:rPr lang="da-DK" b="1" dirty="0"/>
              <a:t>ændringer i senfølger</a:t>
            </a:r>
            <a:r>
              <a:rPr lang="da-DK" dirty="0"/>
              <a:t> henover en tidsperiode på mere end 10 å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Fokus på morbiditet i relation til </a:t>
            </a:r>
            <a:r>
              <a:rPr lang="da-DK" b="1" dirty="0" err="1"/>
              <a:t>onkoplastisk</a:t>
            </a:r>
            <a:r>
              <a:rPr lang="da-DK" b="1" dirty="0"/>
              <a:t> brystkirurgi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Evaluere det </a:t>
            </a:r>
            <a:r>
              <a:rPr lang="da-DK" b="1" dirty="0"/>
              <a:t>kosmetiske resultat </a:t>
            </a:r>
            <a:r>
              <a:rPr lang="da-DK" dirty="0"/>
              <a:t>efter </a:t>
            </a:r>
            <a:r>
              <a:rPr lang="da-DK" dirty="0" err="1"/>
              <a:t>onkoplastisk</a:t>
            </a:r>
            <a:r>
              <a:rPr lang="da-DK" dirty="0"/>
              <a:t> kirurgi</a:t>
            </a:r>
          </a:p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8A4302BA-DC22-9A44-83A7-A85897F151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2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A222F993-D3AE-E641-9493-C4A7122354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04EC508A-8EBE-974A-BCA0-80DE4030FC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4994899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Onkoplastisk</a:t>
            </a:r>
            <a:r>
              <a:rPr lang="en-US" dirty="0"/>
              <a:t> </a:t>
            </a:r>
            <a:r>
              <a:rPr lang="en-US"/>
              <a:t>brystkirurgi</a:t>
            </a:r>
            <a:r>
              <a:rPr lang="en-US" dirty="0"/>
              <a:t> - OP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985838" y="1628799"/>
            <a:ext cx="10220325" cy="4265587"/>
          </a:xfrm>
        </p:spPr>
        <p:txBody>
          <a:bodyPr/>
          <a:lstStyle/>
          <a:p>
            <a:pPr>
              <a:buNone/>
            </a:pPr>
            <a:r>
              <a:rPr lang="da-DK" b="1" dirty="0"/>
              <a:t>Klassifikation ifølge DBCG:</a:t>
            </a:r>
            <a:endParaRPr lang="da-DK" dirty="0"/>
          </a:p>
          <a:p>
            <a:pPr>
              <a:buNone/>
            </a:pPr>
            <a:endParaRPr lang="da-DK" dirty="0"/>
          </a:p>
          <a:p>
            <a:pPr>
              <a:buNone/>
            </a:pPr>
            <a:r>
              <a:rPr lang="da-DK" dirty="0"/>
              <a:t>Volumen omplacering		 Volumen reduktion		  Volumen tilførsel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37561AA2-BB7B-0C48-A57F-10A6259EEF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en-US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5C11FF7-AD16-6744-8387-44F2307B6D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3</a:t>
            </a:fld>
            <a:endParaRPr lang="en-US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BDBE678A-68C8-FE4E-BBCE-B268E613A59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92218" y="2855123"/>
            <a:ext cx="3744416" cy="2160240"/>
          </a:xfrm>
          <a:prstGeom prst="rect">
            <a:avLst/>
          </a:prstGeom>
          <a:ln>
            <a:solidFill>
              <a:srgbClr val="002060"/>
            </a:solidFill>
          </a:ln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31FD3FA6-2341-574F-8C1B-1F2E84B1C67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019514" y="2852936"/>
            <a:ext cx="3259055" cy="2160240"/>
          </a:xfrm>
          <a:prstGeom prst="rect">
            <a:avLst/>
          </a:prstGeom>
          <a:ln>
            <a:solidFill>
              <a:srgbClr val="002060"/>
            </a:solidFill>
          </a:ln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BA6ED807-534E-614F-9B29-F5D7F0CB3EA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59221" y="2852936"/>
            <a:ext cx="2326677" cy="2160240"/>
          </a:xfrm>
          <a:prstGeom prst="rect">
            <a:avLst/>
          </a:prstGeom>
          <a:ln>
            <a:solidFill>
              <a:srgbClr val="002060"/>
            </a:solidFill>
          </a:ln>
        </p:spPr>
      </p:pic>
      <p:sp>
        <p:nvSpPr>
          <p:cNvPr id="9" name="Pladsholder til sidefod 8">
            <a:extLst>
              <a:ext uri="{FF2B5EF4-FFF2-40B4-BE49-F238E27FC236}">
                <a16:creationId xmlns:a16="http://schemas.microsoft.com/office/drawing/2014/main" id="{FF5A264E-390B-2044-8EEB-2BB327F6FCC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BC467C9-09C3-E541-853D-33BE1DC0B1D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</a:t>
            </a:r>
            <a:r>
              <a:rPr lang="en-US" dirty="0"/>
              <a:t>-desig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A0F8370-0816-C14B-BB58-7CC319144D1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49297" y="1814303"/>
            <a:ext cx="11089232" cy="584775"/>
          </a:xfrm>
        </p:spPr>
        <p:txBody>
          <a:bodyPr/>
          <a:lstStyle/>
          <a:p>
            <a:r>
              <a:rPr lang="da-DK" sz="2400" b="1" dirty="0"/>
              <a:t>Præoperativt           18 mdr. efter operation	                      +10 år efter operation</a:t>
            </a:r>
          </a:p>
          <a:p>
            <a:endParaRPr lang="en-US" sz="2400" b="1" dirty="0"/>
          </a:p>
          <a:p>
            <a:pPr>
              <a:buNone/>
            </a:pPr>
            <a:endParaRPr lang="en-US" sz="2400" b="1" dirty="0"/>
          </a:p>
          <a:p>
            <a:r>
              <a:rPr lang="en-US" b="1" dirty="0"/>
              <a:t>				</a:t>
            </a:r>
            <a:endParaRPr lang="en-US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5A82865E-E9A5-FD4B-94D5-D6CC37D679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35422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US" smtClean="0"/>
              <a:pPr>
                <a:defRPr/>
              </a:pPr>
              <a:t>4</a:t>
            </a:fld>
            <a:endParaRPr lang="en-US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826ED6B7-C7CC-014F-A09D-2F32F6F5B5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en-US"/>
          </a:p>
        </p:txBody>
      </p:sp>
      <p:cxnSp>
        <p:nvCxnSpPr>
          <p:cNvPr id="7" name="Lige pilforbindelse 6">
            <a:extLst>
              <a:ext uri="{FF2B5EF4-FFF2-40B4-BE49-F238E27FC236}">
                <a16:creationId xmlns:a16="http://schemas.microsoft.com/office/drawing/2014/main" id="{F1BDCAAC-5EED-7647-A57B-04A78D1C430A}"/>
              </a:ext>
            </a:extLst>
          </p:cNvPr>
          <p:cNvCxnSpPr>
            <a:cxnSpLocks/>
          </p:cNvCxnSpPr>
          <p:nvPr/>
        </p:nvCxnSpPr>
        <p:spPr bwMode="auto">
          <a:xfrm>
            <a:off x="2638028" y="1988840"/>
            <a:ext cx="360040" cy="0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9" name="Lige pilforbindelse 8">
            <a:extLst>
              <a:ext uri="{FF2B5EF4-FFF2-40B4-BE49-F238E27FC236}">
                <a16:creationId xmlns:a16="http://schemas.microsoft.com/office/drawing/2014/main" id="{3747B22A-FCBB-C645-B350-F85C26240E5F}"/>
              </a:ext>
            </a:extLst>
          </p:cNvPr>
          <p:cNvCxnSpPr>
            <a:cxnSpLocks/>
          </p:cNvCxnSpPr>
          <p:nvPr/>
        </p:nvCxnSpPr>
        <p:spPr bwMode="auto">
          <a:xfrm>
            <a:off x="6645662" y="1988840"/>
            <a:ext cx="1584176" cy="0"/>
          </a:xfrm>
          <a:prstGeom prst="straightConnector1">
            <a:avLst/>
          </a:prstGeom>
          <a:ln>
            <a:headEnd type="none" w="med" len="med"/>
            <a:tailEnd type="triangle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5ADB8E9-EFE2-D640-8DB9-6923B500EF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8E84C97A-8223-424D-80E3-0EC826EEE1F0}"/>
              </a:ext>
            </a:extLst>
          </p:cNvPr>
          <p:cNvSpPr txBox="1"/>
          <p:nvPr/>
        </p:nvSpPr>
        <p:spPr>
          <a:xfrm>
            <a:off x="544673" y="2920048"/>
            <a:ext cx="5234704" cy="3070071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en-US" sz="2400" b="1" dirty="0"/>
          </a:p>
          <a:p>
            <a:pPr>
              <a:lnSpc>
                <a:spcPct val="95000"/>
              </a:lnSpc>
            </a:pPr>
            <a:r>
              <a:rPr lang="da-DK" sz="2400" b="1" dirty="0"/>
              <a:t>Spørgeskema:</a:t>
            </a:r>
          </a:p>
          <a:p>
            <a:pPr>
              <a:lnSpc>
                <a:spcPct val="95000"/>
              </a:lnSpc>
            </a:pPr>
            <a:endParaRPr lang="da-DK" sz="1800" dirty="0"/>
          </a:p>
          <a:p>
            <a:pPr marL="342900" indent="-342900">
              <a:lnSpc>
                <a:spcPct val="95000"/>
              </a:lnSpc>
              <a:buFont typeface="+mj-lt"/>
              <a:buAutoNum type="arabicPeriod"/>
            </a:pPr>
            <a:r>
              <a:rPr lang="da-DK" sz="1800" dirty="0"/>
              <a:t>Smerter i skulder, arm og bryst</a:t>
            </a:r>
          </a:p>
          <a:p>
            <a:pPr marL="342900" indent="-342900">
              <a:lnSpc>
                <a:spcPct val="95000"/>
              </a:lnSpc>
              <a:buFont typeface="+mj-lt"/>
              <a:buAutoNum type="arabicPeriod"/>
            </a:pPr>
            <a:r>
              <a:rPr lang="da-DK" sz="1800" dirty="0"/>
              <a:t>Sensibilitet</a:t>
            </a:r>
          </a:p>
          <a:p>
            <a:pPr marL="342900" indent="-342900">
              <a:lnSpc>
                <a:spcPct val="95000"/>
              </a:lnSpc>
              <a:buFont typeface="+mj-lt"/>
              <a:buAutoNum type="arabicPeriod"/>
            </a:pPr>
            <a:r>
              <a:rPr lang="da-DK" sz="1800" dirty="0"/>
              <a:t>Skulder mobilitet</a:t>
            </a:r>
          </a:p>
          <a:p>
            <a:pPr marL="342900" indent="-342900">
              <a:lnSpc>
                <a:spcPct val="95000"/>
              </a:lnSpc>
              <a:buFont typeface="+mj-lt"/>
              <a:buAutoNum type="arabicPeriod"/>
            </a:pPr>
            <a:r>
              <a:rPr lang="da-DK" sz="1800" dirty="0"/>
              <a:t>Hævelse eller tyngdefornemmelse i armen</a:t>
            </a:r>
          </a:p>
          <a:p>
            <a:pPr marL="342900" indent="-342900">
              <a:lnSpc>
                <a:spcPct val="95000"/>
              </a:lnSpc>
              <a:buFont typeface="+mj-lt"/>
              <a:buAutoNum type="arabicPeriod"/>
            </a:pPr>
            <a:r>
              <a:rPr lang="da-DK" sz="1800" dirty="0"/>
              <a:t>Kosmetisk resultat</a:t>
            </a:r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</p:txBody>
      </p:sp>
      <p:sp>
        <p:nvSpPr>
          <p:cNvPr id="14" name="Tekstfelt 13">
            <a:extLst>
              <a:ext uri="{FF2B5EF4-FFF2-40B4-BE49-F238E27FC236}">
                <a16:creationId xmlns:a16="http://schemas.microsoft.com/office/drawing/2014/main" id="{CF7EED9D-B207-984C-8583-7D744FAAC8D4}"/>
              </a:ext>
            </a:extLst>
          </p:cNvPr>
          <p:cNvSpPr txBox="1"/>
          <p:nvPr/>
        </p:nvSpPr>
        <p:spPr>
          <a:xfrm>
            <a:off x="6072488" y="2943447"/>
            <a:ext cx="5400600" cy="3070071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en-US" sz="2400" b="1" dirty="0"/>
          </a:p>
          <a:p>
            <a:pPr>
              <a:lnSpc>
                <a:spcPct val="95000"/>
              </a:lnSpc>
            </a:pPr>
            <a:r>
              <a:rPr lang="da-DK" sz="2400" b="1" dirty="0"/>
              <a:t>Objektiv evaluering</a:t>
            </a:r>
            <a:r>
              <a:rPr lang="en-US" sz="2400" b="1" dirty="0"/>
              <a:t>:</a:t>
            </a:r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  <a:p>
            <a:pPr>
              <a:lnSpc>
                <a:spcPct val="95000"/>
              </a:lnSpc>
            </a:pPr>
            <a:endParaRPr lang="en-US" sz="1800" dirty="0"/>
          </a:p>
        </p:txBody>
      </p:sp>
      <p:pic>
        <p:nvPicPr>
          <p:cNvPr id="15" name="Pladsholder til indhold 5">
            <a:extLst>
              <a:ext uri="{FF2B5EF4-FFF2-40B4-BE49-F238E27FC236}">
                <a16:creationId xmlns:a16="http://schemas.microsoft.com/office/drawing/2014/main" id="{17BA1FE4-D7B0-F24D-9015-6E014F3F9A60}"/>
              </a:ext>
            </a:extLst>
          </p:cNvPr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6234505" y="3789040"/>
            <a:ext cx="1584176" cy="19796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AFA7334C-0531-B64B-AA0A-40EDDBC5861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996160" y="3781985"/>
            <a:ext cx="1584177" cy="1979637"/>
          </a:xfrm>
          <a:prstGeom prst="rect">
            <a:avLst/>
          </a:prstGeom>
        </p:spPr>
      </p:pic>
      <p:pic>
        <p:nvPicPr>
          <p:cNvPr id="17" name="Billede 16">
            <a:extLst>
              <a:ext uri="{FF2B5EF4-FFF2-40B4-BE49-F238E27FC236}">
                <a16:creationId xmlns:a16="http://schemas.microsoft.com/office/drawing/2014/main" id="{8DBECC62-3EAF-B543-9D85-430D1C8FB9AC}"/>
              </a:ext>
            </a:extLst>
          </p:cNvPr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34624" y="3781984"/>
            <a:ext cx="1584177" cy="19796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613982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589C1FD-21A9-2440-8E01-9C1BC54842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60648"/>
            <a:ext cx="11557000" cy="720080"/>
          </a:xfrm>
        </p:spPr>
        <p:txBody>
          <a:bodyPr/>
          <a:lstStyle/>
          <a:p>
            <a:r>
              <a:rPr lang="da-DK" sz="3200" dirty="0" err="1"/>
              <a:t>StudIE</a:t>
            </a:r>
            <a:r>
              <a:rPr lang="da-DK" sz="3200" dirty="0"/>
              <a:t> I – Deltagere ved LT-FU &amp; oprindelige studie</a:t>
            </a:r>
            <a:endParaRPr lang="da-DK" sz="3600" dirty="0"/>
          </a:p>
        </p:txBody>
      </p:sp>
      <p:graphicFrame>
        <p:nvGraphicFramePr>
          <p:cNvPr id="8" name="Pladsholder til indhold 7">
            <a:extLst>
              <a:ext uri="{FF2B5EF4-FFF2-40B4-BE49-F238E27FC236}">
                <a16:creationId xmlns:a16="http://schemas.microsoft.com/office/drawing/2014/main" id="{B52E6B7A-6A58-C742-9DF1-813A9C69551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202773981"/>
              </p:ext>
            </p:extLst>
          </p:nvPr>
        </p:nvGraphicFramePr>
        <p:xfrm>
          <a:off x="783822" y="1988840"/>
          <a:ext cx="10621179" cy="3899904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020017">
                  <a:extLst>
                    <a:ext uri="{9D8B030D-6E8A-4147-A177-3AD203B41FA5}">
                      <a16:colId xmlns:a16="http://schemas.microsoft.com/office/drawing/2014/main" val="2147647456"/>
                    </a:ext>
                  </a:extLst>
                </a:gridCol>
                <a:gridCol w="2255290">
                  <a:extLst>
                    <a:ext uri="{9D8B030D-6E8A-4147-A177-3AD203B41FA5}">
                      <a16:colId xmlns:a16="http://schemas.microsoft.com/office/drawing/2014/main" val="1628457849"/>
                    </a:ext>
                  </a:extLst>
                </a:gridCol>
                <a:gridCol w="2672936">
                  <a:extLst>
                    <a:ext uri="{9D8B030D-6E8A-4147-A177-3AD203B41FA5}">
                      <a16:colId xmlns:a16="http://schemas.microsoft.com/office/drawing/2014/main" val="3338313650"/>
                    </a:ext>
                  </a:extLst>
                </a:gridCol>
                <a:gridCol w="2672936">
                  <a:extLst>
                    <a:ext uri="{9D8B030D-6E8A-4147-A177-3AD203B41FA5}">
                      <a16:colId xmlns:a16="http://schemas.microsoft.com/office/drawing/2014/main" val="1886747659"/>
                    </a:ext>
                  </a:extLst>
                </a:gridCol>
              </a:tblGrid>
              <a:tr h="409110">
                <a:tc gridSpan="2"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</a:rPr>
                        <a:t> </a:t>
                      </a:r>
                      <a:endParaRPr lang="da-DK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dirty="0">
                          <a:effectLst/>
                        </a:rPr>
                        <a:t>Long-term follow-up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dirty="0">
                          <a:effectLst/>
                        </a:rPr>
                        <a:t>AHM’s original study</a:t>
                      </a:r>
                      <a:endParaRPr lang="da-DK" sz="28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203928830"/>
                  </a:ext>
                </a:extLst>
              </a:tr>
              <a:tr h="387866">
                <a:tc gridSpan="2"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</a:rPr>
                        <a:t>Number of participants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b="1" dirty="0">
                          <a:effectLst/>
                        </a:rPr>
                        <a:t>70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dirty="0">
                          <a:effectLst/>
                        </a:rPr>
                        <a:t>395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270995949"/>
                  </a:ext>
                </a:extLst>
              </a:tr>
              <a:tr h="387866">
                <a:tc gridSpan="2"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</a:rPr>
                        <a:t>Age at operation – Median (range)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b="1" dirty="0">
                          <a:effectLst/>
                        </a:rPr>
                        <a:t>54 (41-68)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dirty="0">
                          <a:effectLst/>
                        </a:rPr>
                        <a:t>59 (29-76)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290137481"/>
                  </a:ext>
                </a:extLst>
              </a:tr>
              <a:tr h="387866">
                <a:tc gridSpan="2"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</a:rPr>
                        <a:t>Age at long-term follow-up– Median (range)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b="1" dirty="0">
                          <a:effectLst/>
                        </a:rPr>
                        <a:t>65 (52 – 79)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dirty="0">
                          <a:effectLst/>
                        </a:rPr>
                        <a:t>NA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094136636"/>
                  </a:ext>
                </a:extLst>
              </a:tr>
              <a:tr h="387866">
                <a:tc gridSpan="2"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</a:rPr>
                        <a:t>Years since operation – Median (range)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b="1" dirty="0">
                          <a:effectLst/>
                        </a:rPr>
                        <a:t> 11.7 (11-13)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dirty="0">
                          <a:effectLst/>
                        </a:rPr>
                        <a:t>NA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02932708"/>
                  </a:ext>
                </a:extLst>
              </a:tr>
              <a:tr h="387866">
                <a:tc rowSpan="4"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Operation groups – N (%)</a:t>
                      </a:r>
                      <a:endParaRPr lang="da-DK" sz="1600" dirty="0">
                        <a:effectLst/>
                        <a:latin typeface="+mn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: BCS + SLNB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2 (31%)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37 (35%)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51884407"/>
                  </a:ext>
                </a:extLst>
              </a:tr>
              <a:tr h="387866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: BCS + ALND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7 (39%)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02 (26%)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860725641"/>
                  </a:ext>
                </a:extLst>
              </a:tr>
              <a:tr h="387866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: Mastectomy + SLNB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 (4%)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7 (7%)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606129270"/>
                  </a:ext>
                </a:extLst>
              </a:tr>
              <a:tr h="387866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4: Mastectomy + ALND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800" b="1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8 (26%)</a:t>
                      </a:r>
                      <a:endParaRPr lang="da-DK" sz="1800" b="1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16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29 (33%) </a:t>
                      </a:r>
                      <a:endParaRPr lang="da-DK" sz="16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850645752"/>
                  </a:ext>
                </a:extLst>
              </a:tr>
              <a:tr h="387866">
                <a:tc gridSpan="2">
                  <a:txBody>
                    <a:bodyPr/>
                    <a:lstStyle/>
                    <a:p>
                      <a:r>
                        <a:rPr lang="da-DK" sz="16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Radiation </a:t>
                      </a:r>
                      <a:r>
                        <a:rPr lang="en-US" sz="1600" noProof="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therapy</a:t>
                      </a:r>
                      <a:r>
                        <a:rPr lang="da-DK" sz="16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– N (%)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da-DK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sz="1800" b="1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61 (87%)</a:t>
                      </a: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da-DK" sz="1600" dirty="0">
                          <a:effectLst/>
                          <a:latin typeface="+mn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10 (79%)</a:t>
                      </a:r>
                    </a:p>
                  </a:txBody>
                  <a:tcPr marL="68580" marR="68580" marT="0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992660600"/>
                  </a:ext>
                </a:extLst>
              </a:tr>
            </a:tbl>
          </a:graphicData>
        </a:graphic>
      </p:graphicFrame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BF06B2D0-0BB9-7140-BC75-80BA648346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5</a:t>
            </a:fld>
            <a:endParaRPr lang="da-DK" dirty="0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15FA81EB-072D-FD44-AC54-39FDE6367B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B7FC2BB0-6277-B94D-92AC-C921881858B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247850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7E19568-F7C7-D747-AC33-3F83251866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332656"/>
            <a:ext cx="11557000" cy="1008112"/>
          </a:xfrm>
        </p:spPr>
        <p:txBody>
          <a:bodyPr/>
          <a:lstStyle/>
          <a:p>
            <a:r>
              <a:rPr lang="da-DK" sz="3600" dirty="0"/>
              <a:t>Studie I – LT-FU resultater fra spørgeskema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BA187BD-F01F-9442-AEB6-B51A701B814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466120" y="1484784"/>
            <a:ext cx="5256584" cy="4896544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US" b="1" dirty="0"/>
              <a:t>Functional impairments (one or more)	49%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Problems carrying heavy bags		41%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Problem reaching above the head	21%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Decreased hand and arm functioning	24%</a:t>
            </a:r>
          </a:p>
          <a:p>
            <a:pPr>
              <a:lnSpc>
                <a:spcPct val="150000"/>
              </a:lnSpc>
            </a:pPr>
            <a:r>
              <a:rPr lang="en-US" b="1" dirty="0"/>
              <a:t>Symptoms (one or more)		64%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Sensibility changes of the upper arm	23%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Pain in Breast region			53%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Pain in Shoulder			30%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Decreased shoulder mobility		26%</a:t>
            </a:r>
          </a:p>
          <a:p>
            <a:pPr marL="342900" indent="-34290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1800" dirty="0"/>
              <a:t>Swelling or heaviness of the arm		26%</a:t>
            </a:r>
          </a:p>
          <a:p>
            <a:pPr marL="342900" indent="-342900">
              <a:lnSpc>
                <a:spcPct val="150000"/>
              </a:lnSpc>
            </a:pPr>
            <a:endParaRPr lang="en-US" dirty="0"/>
          </a:p>
          <a:p>
            <a:pPr>
              <a:buNone/>
            </a:pPr>
            <a:r>
              <a:rPr lang="en-US" dirty="0"/>
              <a:t> </a:t>
            </a:r>
          </a:p>
          <a:p>
            <a:pPr>
              <a:buNone/>
            </a:pPr>
            <a:endParaRPr lang="en-US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083171D8-E7F3-A14C-AC7C-7D37EBC9CC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6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B1E3ECAB-D317-5241-A1EB-FBB40BDDC0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1575D8F5-67C7-4E40-A11A-AB1B4C8626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299540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87C4CC4-195B-2B4B-9D5D-9E10B6FB6C8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119645"/>
          </a:xfrm>
        </p:spPr>
        <p:txBody>
          <a:bodyPr/>
          <a:lstStyle/>
          <a:p>
            <a:r>
              <a:rPr lang="da-DK" sz="3200" dirty="0"/>
              <a:t>Studie I – LT-FU resultater ved objektive evaluerin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36F23E81-C17E-3F4A-A92B-4EDFD08A54C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69876" y="2348880"/>
            <a:ext cx="9936288" cy="3548682"/>
          </a:xfrm>
        </p:spPr>
        <p:txBody>
          <a:bodyPr/>
          <a:lstStyle/>
          <a:p>
            <a:r>
              <a:rPr lang="da-DK" sz="2400" b="1" dirty="0"/>
              <a:t>Forskelle mellem ‘opereret’ og ‘ikke-opereret’ side ved LT-FU:</a:t>
            </a:r>
          </a:p>
          <a:p>
            <a:pPr>
              <a:buNone/>
            </a:pPr>
            <a:r>
              <a:rPr lang="en-US" dirty="0"/>
              <a:t> 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5D0F1BAB-900B-3B4C-9203-478AEB39B9B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7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AE31E6F-1465-C14F-B5B5-56EB4E6EA0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graphicFrame>
        <p:nvGraphicFramePr>
          <p:cNvPr id="6" name="Tabel 6">
            <a:extLst>
              <a:ext uri="{FF2B5EF4-FFF2-40B4-BE49-F238E27FC236}">
                <a16:creationId xmlns:a16="http://schemas.microsoft.com/office/drawing/2014/main" id="{91592838-63DB-A24B-B75B-7113A86305D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76406239"/>
              </p:ext>
            </p:extLst>
          </p:nvPr>
        </p:nvGraphicFramePr>
        <p:xfrm>
          <a:off x="1269876" y="2974697"/>
          <a:ext cx="9649073" cy="2225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960440">
                  <a:extLst>
                    <a:ext uri="{9D8B030D-6E8A-4147-A177-3AD203B41FA5}">
                      <a16:colId xmlns:a16="http://schemas.microsoft.com/office/drawing/2014/main" val="2281901327"/>
                    </a:ext>
                  </a:extLst>
                </a:gridCol>
                <a:gridCol w="1896211">
                  <a:extLst>
                    <a:ext uri="{9D8B030D-6E8A-4147-A177-3AD203B41FA5}">
                      <a16:colId xmlns:a16="http://schemas.microsoft.com/office/drawing/2014/main" val="1419964403"/>
                    </a:ext>
                  </a:extLst>
                </a:gridCol>
                <a:gridCol w="1896211">
                  <a:extLst>
                    <a:ext uri="{9D8B030D-6E8A-4147-A177-3AD203B41FA5}">
                      <a16:colId xmlns:a16="http://schemas.microsoft.com/office/drawing/2014/main" val="960598682"/>
                    </a:ext>
                  </a:extLst>
                </a:gridCol>
                <a:gridCol w="1896211">
                  <a:extLst>
                    <a:ext uri="{9D8B030D-6E8A-4147-A177-3AD203B41FA5}">
                      <a16:colId xmlns:a16="http://schemas.microsoft.com/office/drawing/2014/main" val="357294420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Mean</a:t>
                      </a:r>
                    </a:p>
                  </a:txBody>
                  <a:tcPr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95%CI</a:t>
                      </a:r>
                    </a:p>
                  </a:txBody>
                  <a:tcPr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Range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54608374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Arm volume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/>
                        <a:t>34m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(6 ; 62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-162 to 340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14362687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Flexion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/>
                        <a:t>-5.5</a:t>
                      </a:r>
                      <a:r>
                        <a:rPr lang="en-US" b="1" baseline="30000" dirty="0"/>
                        <a:t>0</a:t>
                      </a:r>
                      <a:endParaRPr lang="en-US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(-8 ; -3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-61 to 16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85094112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Abduction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/>
                        <a:t>-5.4</a:t>
                      </a:r>
                      <a:r>
                        <a:rPr lang="en-US" b="1" baseline="30000" dirty="0"/>
                        <a:t>0</a:t>
                      </a:r>
                      <a:endParaRPr lang="en-US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(-9 ; -2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-52 to 18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95008887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Outward rotation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/>
                        <a:t>-7.9</a:t>
                      </a:r>
                      <a:r>
                        <a:rPr lang="en-US" b="1" baseline="30000" dirty="0"/>
                        <a:t>0</a:t>
                      </a:r>
                      <a:endParaRPr lang="en-US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(-12 ; -4)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-79 to 23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17714783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Sensibility changes, n (%)</a:t>
                      </a: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b="1" dirty="0"/>
                        <a:t>30 vs. 0</a:t>
                      </a:r>
                    </a:p>
                  </a:txBody>
                  <a:tcPr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/>
                        <a:t>(43% vs. 0%)</a:t>
                      </a:r>
                    </a:p>
                  </a:txBody>
                  <a:tcPr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-</a:t>
                      </a: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19940242"/>
                  </a:ext>
                </a:extLst>
              </a:tr>
            </a:tbl>
          </a:graphicData>
        </a:graphic>
      </p:graphicFrame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id="{D3E6CCAF-61B2-4440-AD31-BCEC3FFEE5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6558153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FE14545-D906-5E4F-BFEC-E1F7B7A86A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 I - </a:t>
            </a:r>
            <a:r>
              <a:rPr lang="da-DK" dirty="0" err="1"/>
              <a:t>KonKlusion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A7F4070-FCCB-BA4C-9898-65A94FD523F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Kvinder behandlet for brystkræft, der havde symptomer og objektive fund på skulder, arm og brystmorbiditet 18 mdr. Efter brystkræftbehandlingen </a:t>
            </a:r>
          </a:p>
          <a:p>
            <a:pPr marL="342900" indent="-342900"/>
            <a:r>
              <a:rPr lang="da-DK" dirty="0"/>
              <a:t>- har persisterende symptomer ved gen-evaluering mere end 11 år efter brystkræft behandlingen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Ved LT-FU beskrev 2/3 af deltagerne, at de havde et eller flere subjektive symptomer på skulder, arm og bryst-morbiditet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en objektive evaluering viste øget arm volumen og nedsat skulder mobilitet på den opererede side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De objektive fund var milde eller beskedne, men anses for at kunne påvirke ADL.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FC2B04F1-C63F-3A4E-B515-1FC708C87C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8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0AF5914E-A29F-FB40-956E-0E87E5A30C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01201C9-257C-CD4F-B730-D2D7ACDD16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692968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CB4B6DD-1B26-6F42-8630-3BA6F6348D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 II &amp; III – formål + desig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D2AF0365-ACD7-2F47-8EE7-3EF7F7C199E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65820" y="1628800"/>
            <a:ext cx="10440343" cy="4265586"/>
          </a:xfrm>
        </p:spPr>
        <p:txBody>
          <a:bodyPr/>
          <a:lstStyle/>
          <a:p>
            <a:pPr indent="-180000">
              <a:buNone/>
            </a:pPr>
            <a:endParaRPr lang="en-US" b="1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Evaluere og sammenligne subjektive symptomer og objektive fund af skulder, arm og brystmorbiditet mellem patienter, der havde fået foretaget BCS +/- </a:t>
            </a:r>
            <a:r>
              <a:rPr lang="da-DK" dirty="0" err="1"/>
              <a:t>onkoplastisk</a:t>
            </a:r>
            <a:r>
              <a:rPr lang="da-DK" dirty="0"/>
              <a:t> teknik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Evaluering af det kosmetiske resulta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 err="1"/>
              <a:t>Prospektivt</a:t>
            </a:r>
            <a:r>
              <a:rPr lang="da-DK" dirty="0"/>
              <a:t> med 18 </a:t>
            </a:r>
            <a:r>
              <a:rPr lang="da-DK" dirty="0" err="1"/>
              <a:t>mdr’s</a:t>
            </a:r>
            <a:r>
              <a:rPr lang="da-DK" dirty="0"/>
              <a:t> </a:t>
            </a:r>
            <a:r>
              <a:rPr lang="da-DK" dirty="0" err="1"/>
              <a:t>follow</a:t>
            </a:r>
            <a:r>
              <a:rPr lang="da-DK" dirty="0"/>
              <a:t> up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pørgeskemaundersøgelser og objektiv evaluering inkl. </a:t>
            </a:r>
            <a:r>
              <a:rPr lang="da-DK" dirty="0" err="1"/>
              <a:t>Constant</a:t>
            </a:r>
            <a:r>
              <a:rPr lang="da-DK" dirty="0"/>
              <a:t> </a:t>
            </a:r>
            <a:r>
              <a:rPr lang="da-DK" dirty="0" err="1"/>
              <a:t>Shoulder</a:t>
            </a:r>
            <a:r>
              <a:rPr lang="da-DK" dirty="0"/>
              <a:t> Score</a:t>
            </a:r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2451EE6-BFD3-3F48-BEB7-F4E28F1A19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9</a:t>
            </a:fld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1331EDF-C1F1-F342-8783-320FDA2BDC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a-DK"/>
              <a:t>18.01.2021</a:t>
            </a:r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AB16FF15-3457-9643-87C5-8E3F1BDD68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9203016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84</Words>
  <Application>Microsoft Office PowerPoint</Application>
  <PresentationFormat>Brugerdefineret</PresentationFormat>
  <Paragraphs>374</Paragraphs>
  <Slides>19</Slides>
  <Notes>19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9</vt:i4>
      </vt:variant>
    </vt:vector>
  </HeadingPairs>
  <TitlesOfParts>
    <vt:vector size="28" baseType="lpstr">
      <vt:lpstr>Arial</vt:lpstr>
      <vt:lpstr>Georgia</vt:lpstr>
      <vt:lpstr>Calibri</vt:lpstr>
      <vt:lpstr>Symbol</vt:lpstr>
      <vt:lpstr>AU Peto</vt:lpstr>
      <vt:lpstr>AU Passata Light</vt:lpstr>
      <vt:lpstr>Wingdings 3</vt:lpstr>
      <vt:lpstr>AU Passata</vt:lpstr>
      <vt:lpstr>AU 16:9</vt:lpstr>
      <vt:lpstr>Skulderfunktion og senfølger efter operation med onkoplastisk Teknik for brystkræft</vt:lpstr>
      <vt:lpstr>formål</vt:lpstr>
      <vt:lpstr>Onkoplastisk brystkirurgi - OPS</vt:lpstr>
      <vt:lpstr>Studie-design</vt:lpstr>
      <vt:lpstr>StudIE I – Deltagere ved LT-FU &amp; oprindelige studie</vt:lpstr>
      <vt:lpstr>Studie I – LT-FU resultater fra spørgeskema</vt:lpstr>
      <vt:lpstr>Studie I – LT-FU resultater ved objektive evaluering</vt:lpstr>
      <vt:lpstr>Studie I - KonKlusion</vt:lpstr>
      <vt:lpstr>Studie II &amp; III – formål + design</vt:lpstr>
      <vt:lpstr>StudIE II - deltagere</vt:lpstr>
      <vt:lpstr>StudIE II – resultater</vt:lpstr>
      <vt:lpstr>Studie II - resultater</vt:lpstr>
      <vt:lpstr>Studie II - resultater</vt:lpstr>
      <vt:lpstr>Studie II - konklusion</vt:lpstr>
      <vt:lpstr>Studie III - resultater</vt:lpstr>
      <vt:lpstr>Studie III – kosmetisk resultat</vt:lpstr>
      <vt:lpstr>Studie III - konklusion</vt:lpstr>
      <vt:lpstr>Samlet konklusion</vt:lpstr>
      <vt:lpstr>PowerPoint-præ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8-21T08:45:37Z</dcterms:created>
  <dcterms:modified xsi:type="dcterms:W3CDTF">2021-01-15T06:38:30Z</dcterms:modified>
</cp:coreProperties>
</file>